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notesMasterIdLst>
    <p:notesMasterId r:id="rId41"/>
  </p:notesMasterIdLst>
  <p:handoutMasterIdLst>
    <p:handoutMasterId r:id="rId42"/>
  </p:handoutMasterIdLst>
  <p:sldIdLst>
    <p:sldId id="295" r:id="rId2"/>
    <p:sldId id="366" r:id="rId3"/>
    <p:sldId id="369" r:id="rId4"/>
    <p:sldId id="367" r:id="rId5"/>
    <p:sldId id="368" r:id="rId6"/>
    <p:sldId id="365" r:id="rId7"/>
    <p:sldId id="293" r:id="rId8"/>
    <p:sldId id="277" r:id="rId9"/>
    <p:sldId id="278" r:id="rId10"/>
    <p:sldId id="263" r:id="rId11"/>
    <p:sldId id="370" r:id="rId12"/>
    <p:sldId id="334" r:id="rId13"/>
    <p:sldId id="311" r:id="rId14"/>
    <p:sldId id="312" r:id="rId15"/>
    <p:sldId id="314" r:id="rId16"/>
    <p:sldId id="336" r:id="rId17"/>
    <p:sldId id="337" r:id="rId18"/>
    <p:sldId id="338" r:id="rId19"/>
    <p:sldId id="340" r:id="rId20"/>
    <p:sldId id="266" r:id="rId21"/>
    <p:sldId id="303" r:id="rId22"/>
    <p:sldId id="297" r:id="rId23"/>
    <p:sldId id="300" r:id="rId24"/>
    <p:sldId id="343" r:id="rId25"/>
    <p:sldId id="344" r:id="rId26"/>
    <p:sldId id="348" r:id="rId27"/>
    <p:sldId id="353" r:id="rId28"/>
    <p:sldId id="350" r:id="rId29"/>
    <p:sldId id="351" r:id="rId30"/>
    <p:sldId id="355" r:id="rId31"/>
    <p:sldId id="360" r:id="rId32"/>
    <p:sldId id="356" r:id="rId33"/>
    <p:sldId id="359" r:id="rId34"/>
    <p:sldId id="357" r:id="rId35"/>
    <p:sldId id="371" r:id="rId36"/>
    <p:sldId id="373" r:id="rId37"/>
    <p:sldId id="346" r:id="rId38"/>
    <p:sldId id="327" r:id="rId39"/>
    <p:sldId id="347" r:id="rId40"/>
  </p:sldIdLst>
  <p:sldSz cx="9144000" cy="6858000" type="screen4x3"/>
  <p:notesSz cx="6858000" cy="91440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9pPr>
  </p:defaultTextStyle>
  <p:extLst>
    <p:ext uri="{521415D9-36F7-43E2-AB2F-B90AF26B5E84}">
      <p14:sectionLst xmlns:p14="http://schemas.microsoft.com/office/powerpoint/2010/main">
        <p14:section name="Default Section" id="{BB7B1683-D109-3F4B-9437-C4FC2A41A509}">
          <p14:sldIdLst>
            <p14:sldId id="295"/>
            <p14:sldId id="366"/>
            <p14:sldId id="369"/>
            <p14:sldId id="367"/>
            <p14:sldId id="368"/>
            <p14:sldId id="365"/>
            <p14:sldId id="293"/>
            <p14:sldId id="277"/>
            <p14:sldId id="278"/>
            <p14:sldId id="263"/>
            <p14:sldId id="370"/>
            <p14:sldId id="334"/>
            <p14:sldId id="311"/>
            <p14:sldId id="312"/>
            <p14:sldId id="314"/>
            <p14:sldId id="336"/>
            <p14:sldId id="337"/>
            <p14:sldId id="338"/>
            <p14:sldId id="340"/>
            <p14:sldId id="266"/>
            <p14:sldId id="303"/>
            <p14:sldId id="297"/>
            <p14:sldId id="300"/>
            <p14:sldId id="343"/>
            <p14:sldId id="344"/>
            <p14:sldId id="348"/>
            <p14:sldId id="353"/>
            <p14:sldId id="350"/>
            <p14:sldId id="351"/>
            <p14:sldId id="355"/>
            <p14:sldId id="360"/>
            <p14:sldId id="356"/>
            <p14:sldId id="359"/>
            <p14:sldId id="357"/>
            <p14:sldId id="371"/>
            <p14:sldId id="373"/>
            <p14:sldId id="346"/>
            <p14:sldId id="327"/>
            <p14:sldId id="347"/>
          </p14:sldIdLst>
        </p14:section>
      </p14:sectionLst>
    </p:ex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3681" autoAdjust="0"/>
    <p:restoredTop sz="92794" autoAdjust="0"/>
  </p:normalViewPr>
  <p:slideViewPr>
    <p:cSldViewPr>
      <p:cViewPr varScale="1">
        <p:scale>
          <a:sx n="55" d="100"/>
          <a:sy n="55" d="100"/>
        </p:scale>
        <p:origin x="90" y="28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handoutMaster" Target="handoutMasters/handout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file:///C:\Documents%20and%20Settings\mwoolaver\Desktop\EDC%202%20Graphs.xlsx" TargetMode="External"/><Relationship Id="rId1" Type="http://schemas.openxmlformats.org/officeDocument/2006/relationships/themeOverride" Target="../theme/themeOverrid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view3D>
      <c:rotX val="30"/>
      <c:rotY val="0"/>
      <c:rAngAx val="0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"/>
          <c:y val="0.17662411441004877"/>
          <c:w val="1"/>
          <c:h val="0.82085109665370715"/>
        </c:manualLayout>
      </c:layout>
      <c:pie3DChart>
        <c:varyColors val="1"/>
        <c:ser>
          <c:idx val="0"/>
          <c:order val="0"/>
          <c:dPt>
            <c:idx val="1"/>
            <c:bubble3D val="0"/>
            <c:explosion val="54"/>
          </c:dPt>
          <c:dLbls>
            <c:dLbl>
              <c:idx val="0"/>
              <c:layout>
                <c:manualLayout>
                  <c:x val="-0.17674092300962391"/>
                  <c:y val="0.10163751846566324"/>
                </c:manualLayout>
              </c:layout>
              <c:tx>
                <c:rich>
                  <a:bodyPr/>
                  <a:lstStyle/>
                  <a:p>
                    <a:r>
                      <a:rPr lang="en-US" dirty="0">
                        <a:solidFill>
                          <a:schemeClr val="bg1"/>
                        </a:solidFill>
                      </a:rPr>
                      <a:t>Material Failure
21%</a:t>
                    </a:r>
                  </a:p>
                </c:rich>
              </c:tx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1"/>
              <c:layout>
                <c:manualLayout>
                  <c:x val="0.22324693788276578"/>
                  <c:y val="-0.32521774937558412"/>
                </c:manualLayout>
              </c:layout>
              <c:tx>
                <c:rich>
                  <a:bodyPr/>
                  <a:lstStyle/>
                  <a:p>
                    <a:r>
                      <a:rPr lang="en-US" sz="2000" dirty="0">
                        <a:solidFill>
                          <a:schemeClr val="bg1"/>
                        </a:solidFill>
                      </a:rPr>
                      <a:t>Workmanship
79%</a:t>
                    </a:r>
                  </a:p>
                </c:rich>
              </c:tx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2000" b="1"/>
                </a:pPr>
                <a:endParaRPr lang="en-US"/>
              </a:p>
            </c:txPr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>
              <c:ext xmlns:c15="http://schemas.microsoft.com/office/drawing/2012/chart" uri="{CE6537A1-D6FC-4f65-9D91-7224C49458BB}"/>
            </c:extLst>
          </c:dLbls>
          <c:cat>
            <c:strRef>
              <c:f>[1]Sheet1!$B$18:$C$18</c:f>
              <c:strCache>
                <c:ptCount val="2"/>
                <c:pt idx="0">
                  <c:v>Material Failure</c:v>
                </c:pt>
                <c:pt idx="1">
                  <c:v>Workmanship</c:v>
                </c:pt>
              </c:strCache>
            </c:strRef>
          </c:cat>
          <c:val>
            <c:numRef>
              <c:f>[1]Sheet1!$B$19:$C$19</c:f>
              <c:numCache>
                <c:formatCode>General</c:formatCode>
                <c:ptCount val="2"/>
                <c:pt idx="0">
                  <c:v>21</c:v>
                </c:pt>
                <c:pt idx="1">
                  <c:v>79</c:v>
                </c:pt>
              </c:numCache>
            </c:numRef>
          </c:val>
        </c:ser>
        <c:dLbls>
          <c:showLegendKey val="0"/>
          <c:showVal val="0"/>
          <c:showCatName val="1"/>
          <c:showSerName val="0"/>
          <c:showPercent val="1"/>
          <c:showBubbleSize val="0"/>
          <c:showLeaderLines val="0"/>
        </c:dLbls>
      </c:pie3DChart>
    </c:plotArea>
    <c:plotVisOnly val="1"/>
    <c:dispBlanksAs val="zero"/>
    <c:showDLblsOverMax val="0"/>
  </c:chart>
  <c:externalData r:id="rId2">
    <c:autoUpdate val="0"/>
  </c:externalData>
</c:chartSpac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F63CDF8-7A24-4E03-B75E-2788894A793E}" type="datetimeFigureOut">
              <a:rPr lang="en-US" smtClean="0"/>
              <a:pPr/>
              <a:t>5/21/2017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3F7EB9E-F45C-405D-A065-CFB3AEEAE212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0196902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32298F2-0031-4DA6-849E-786204F73677}" type="datetimeFigureOut">
              <a:rPr lang="en-US" smtClean="0"/>
              <a:pPr/>
              <a:t>5/21/2017</a:t>
            </a:fld>
            <a:endParaRPr lang="en-US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60EB49C-7881-4A05-BFF5-D77CC6BE9F76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7670283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2" name="スライド イメージ プレースホルダー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1203" name="ノート プレースホルダー 2"/>
          <p:cNvSpPr>
            <a:spLocks noGrp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endParaRPr lang="ja-JP" altLang="en-US" dirty="0" smtClean="0"/>
          </a:p>
        </p:txBody>
      </p:sp>
      <p:sp>
        <p:nvSpPr>
          <p:cNvPr id="51204" name="スライド番号プレースホルダー 3"/>
          <p:cNvSpPr>
            <a:spLocks noGrp="1"/>
          </p:cNvSpPr>
          <p:nvPr>
            <p:ph type="sldNum" sz="quarter" idx="5"/>
          </p:nvPr>
        </p:nvSpPr>
        <p:spPr>
          <a:noFill/>
          <a:ln>
            <a:miter lim="800000"/>
            <a:headEnd/>
            <a:tailEnd/>
          </a:ln>
        </p:spPr>
        <p:txBody>
          <a:bodyPr/>
          <a:lstStyle/>
          <a:p>
            <a:fld id="{FBCCDBD5-6F58-4099-8797-CD8BC48D92DA}" type="slidenum">
              <a:rPr lang="ja-JP" altLang="en-US"/>
              <a:pPr/>
              <a:t>1</a:t>
            </a:fld>
            <a:endParaRPr lang="ja-JP" altLang="en-US"/>
          </a:p>
        </p:txBody>
      </p:sp>
    </p:spTree>
    <p:extLst>
      <p:ext uri="{BB962C8B-B14F-4D97-AF65-F5344CB8AC3E}">
        <p14:creationId xmlns:p14="http://schemas.microsoft.com/office/powerpoint/2010/main" val="779492900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60EB49C-7881-4A05-BFF5-D77CC6BE9F76}" type="slidenum">
              <a:rPr lang="en-US" smtClean="0"/>
              <a:pPr/>
              <a:t>2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4034805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2" name="スライド イメージ プレースホルダー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1203" name="ノート プレースホルダー 2"/>
          <p:cNvSpPr>
            <a:spLocks noGrp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endParaRPr lang="ja-JP" altLang="en-US" smtClean="0"/>
          </a:p>
        </p:txBody>
      </p:sp>
      <p:sp>
        <p:nvSpPr>
          <p:cNvPr id="51204" name="スライド番号プレースホルダー 3"/>
          <p:cNvSpPr>
            <a:spLocks noGrp="1"/>
          </p:cNvSpPr>
          <p:nvPr>
            <p:ph type="sldNum" sz="quarter" idx="5"/>
          </p:nvPr>
        </p:nvSpPr>
        <p:spPr>
          <a:noFill/>
          <a:ln>
            <a:miter lim="800000"/>
            <a:headEnd/>
            <a:tailEnd/>
          </a:ln>
        </p:spPr>
        <p:txBody>
          <a:bodyPr/>
          <a:lstStyle/>
          <a:p>
            <a:fld id="{FBCCDBD5-6F58-4099-8797-CD8BC48D92DA}" type="slidenum">
              <a:rPr lang="ja-JP" altLang="en-US"/>
              <a:pPr/>
              <a:t>22</a:t>
            </a:fld>
            <a:endParaRPr lang="ja-JP" altLang="en-US"/>
          </a:p>
        </p:txBody>
      </p:sp>
    </p:spTree>
    <p:extLst>
      <p:ext uri="{BB962C8B-B14F-4D97-AF65-F5344CB8AC3E}">
        <p14:creationId xmlns:p14="http://schemas.microsoft.com/office/powerpoint/2010/main" val="4153224876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60EB49C-7881-4A05-BFF5-D77CC6BE9F76}" type="slidenum">
              <a:rPr lang="en-US" smtClean="0"/>
              <a:pPr/>
              <a:t>2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29135546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60EB49C-7881-4A05-BFF5-D77CC6BE9F76}" type="slidenum">
              <a:rPr lang="en-US" smtClean="0"/>
              <a:pPr/>
              <a:t>2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95901028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4A7FEF3-6DCE-4C8A-B614-D67D5CDF1DFB}" type="slidenum">
              <a:rPr lang="en-US" smtClean="0"/>
              <a:pPr/>
              <a:t>2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7939612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otes Placeholder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568877053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60EB49C-7881-4A05-BFF5-D77CC6BE9F76}" type="slidenum">
              <a:rPr lang="en-US" smtClean="0"/>
              <a:pPr/>
              <a:t>3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8114485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60EB49C-7881-4A05-BFF5-D77CC6BE9F76}" type="slidenum">
              <a:rPr lang="en-US" smtClean="0"/>
              <a:pPr/>
              <a:t>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92192764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60EB49C-7881-4A05-BFF5-D77CC6BE9F76}" type="slidenum">
              <a:rPr lang="en-US" smtClean="0"/>
              <a:pPr/>
              <a:t>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352022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60EB49C-7881-4A05-BFF5-D77CC6BE9F76}" type="slidenum">
              <a:rPr lang="en-US" smtClean="0"/>
              <a:pPr/>
              <a:t>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8731703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60EB49C-7881-4A05-BFF5-D77CC6BE9F76}" type="slidenum">
              <a:rPr lang="en-US" smtClean="0"/>
              <a:pPr/>
              <a:t>10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95718043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60EB49C-7881-4A05-BFF5-D77CC6BE9F76}" type="slidenum">
              <a:rPr lang="en-US" smtClean="0"/>
              <a:pPr/>
              <a:t>1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9002880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60EB49C-7881-4A05-BFF5-D77CC6BE9F76}" type="slidenum">
              <a:rPr lang="en-US" smtClean="0"/>
              <a:pPr/>
              <a:t>1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42816974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2" name="スライド イメージ プレースホルダー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1203" name="ノート プレースホルダー 2"/>
          <p:cNvSpPr>
            <a:spLocks noGrp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endParaRPr lang="ja-JP" altLang="en-US" dirty="0" smtClean="0"/>
          </a:p>
        </p:txBody>
      </p:sp>
      <p:sp>
        <p:nvSpPr>
          <p:cNvPr id="51204" name="スライド番号プレースホルダー 3"/>
          <p:cNvSpPr>
            <a:spLocks noGrp="1"/>
          </p:cNvSpPr>
          <p:nvPr>
            <p:ph type="sldNum" sz="quarter" idx="5"/>
          </p:nvPr>
        </p:nvSpPr>
        <p:spPr>
          <a:noFill/>
          <a:ln>
            <a:miter lim="800000"/>
            <a:headEnd/>
            <a:tailEnd/>
          </a:ln>
        </p:spPr>
        <p:txBody>
          <a:bodyPr/>
          <a:lstStyle/>
          <a:p>
            <a:fld id="{FBCCDBD5-6F58-4099-8797-CD8BC48D92DA}" type="slidenum">
              <a:rPr lang="ja-JP" altLang="en-US"/>
              <a:pPr/>
              <a:t>16</a:t>
            </a:fld>
            <a:endParaRPr lang="ja-JP" altLang="en-US"/>
          </a:p>
        </p:txBody>
      </p:sp>
    </p:spTree>
    <p:extLst>
      <p:ext uri="{BB962C8B-B14F-4D97-AF65-F5344CB8AC3E}">
        <p14:creationId xmlns:p14="http://schemas.microsoft.com/office/powerpoint/2010/main" val="1429865276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2" name="スライド イメージ プレースホルダー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1203" name="ノート プレースホルダー 2"/>
          <p:cNvSpPr>
            <a:spLocks noGrp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endParaRPr lang="ja-JP" altLang="en-US" dirty="0" smtClean="0"/>
          </a:p>
        </p:txBody>
      </p:sp>
      <p:sp>
        <p:nvSpPr>
          <p:cNvPr id="51204" name="スライド番号プレースホルダー 3"/>
          <p:cNvSpPr>
            <a:spLocks noGrp="1"/>
          </p:cNvSpPr>
          <p:nvPr>
            <p:ph type="sldNum" sz="quarter" idx="5"/>
          </p:nvPr>
        </p:nvSpPr>
        <p:spPr>
          <a:noFill/>
          <a:ln>
            <a:miter lim="800000"/>
            <a:headEnd/>
            <a:tailEnd/>
          </a:ln>
        </p:spPr>
        <p:txBody>
          <a:bodyPr/>
          <a:lstStyle/>
          <a:p>
            <a:fld id="{FBCCDBD5-6F58-4099-8797-CD8BC48D92DA}" type="slidenum">
              <a:rPr lang="ja-JP" altLang="en-US"/>
              <a:pPr/>
              <a:t>19</a:t>
            </a:fld>
            <a:endParaRPr lang="ja-JP" altLang="en-US"/>
          </a:p>
        </p:txBody>
      </p:sp>
    </p:spTree>
    <p:extLst>
      <p:ext uri="{BB962C8B-B14F-4D97-AF65-F5344CB8AC3E}">
        <p14:creationId xmlns:p14="http://schemas.microsoft.com/office/powerpoint/2010/main" val="2790536477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Relationship Id="rId6" Type="http://schemas.openxmlformats.org/officeDocument/2006/relationships/image" Target="../media/image5.jpeg"/><Relationship Id="rId5" Type="http://schemas.openxmlformats.org/officeDocument/2006/relationships/image" Target="../media/image4.jpeg"/><Relationship Id="rId4" Type="http://schemas.openxmlformats.org/officeDocument/2006/relationships/image" Target="../media/image3.jpeg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ICDM Workshop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83879" y="254000"/>
            <a:ext cx="1676400" cy="6604000"/>
          </a:xfrm>
          <a:prstGeom prst="rect">
            <a:avLst/>
          </a:prstGeom>
          <a:solidFill>
            <a:srgbClr val="A5BA2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pic>
        <p:nvPicPr>
          <p:cNvPr id="6" name="Picture 2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3874" y="294622"/>
            <a:ext cx="1447800" cy="1035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" name="Picture 8" descr="I:\TPF Demo Sites\MnDOT\Data\images\20080604 Day 3_Route 40\IMG_4426.jpg"/>
          <p:cNvPicPr>
            <a:picLocks noChangeAspect="1" noChangeArrowheads="1"/>
          </p:cNvPicPr>
          <p:nvPr userDrawn="1"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515" b="-1471"/>
          <a:stretch/>
        </p:blipFill>
        <p:spPr bwMode="auto">
          <a:xfrm>
            <a:off x="276579" y="1396086"/>
            <a:ext cx="1685030" cy="111265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" name="Picture 11" descr="I:\TPF Demo Sites\MSDOT\Data\images\20090715\Picture 066.jpg"/>
          <p:cNvPicPr>
            <a:picLocks noChangeAspect="1" noChangeArrowheads="1"/>
          </p:cNvPicPr>
          <p:nvPr userDrawn="1"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1314"/>
          <a:stretch/>
        </p:blipFill>
        <p:spPr bwMode="auto">
          <a:xfrm>
            <a:off x="285249" y="2494139"/>
            <a:ext cx="1676400" cy="111266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" name="Picture 14" descr="I:\TPF Demo Sites\PennDOT\Data\Photos\2010-09-21\DSC07034.JPG"/>
          <p:cNvPicPr>
            <a:picLocks noChangeAspect="1" noChangeArrowheads="1"/>
          </p:cNvPicPr>
          <p:nvPr userDrawn="1"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283878" y="4672116"/>
            <a:ext cx="1677771" cy="1112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1" name="Picture 7" descr="I:\TPF Demo Sites\MnDOT\Data\images\20080603 Day 2_TH 71\DSCN1186.JPG"/>
          <p:cNvPicPr>
            <a:picLocks noChangeAspect="1" noChangeArrowheads="1"/>
          </p:cNvPicPr>
          <p:nvPr userDrawn="1"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276620" y="3566343"/>
            <a:ext cx="1685029" cy="110987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Date Placeholder 3"/>
          <p:cNvSpPr>
            <a:spLocks noGrp="1"/>
          </p:cNvSpPr>
          <p:nvPr>
            <p:ph type="dt" sz="half" idx="4294967295"/>
          </p:nvPr>
        </p:nvSpPr>
        <p:spPr>
          <a:xfrm>
            <a:off x="283878" y="6342693"/>
            <a:ext cx="1685030" cy="365125"/>
          </a:xfrm>
          <a:prstGeom prst="rect">
            <a:avLst/>
          </a:prstGeom>
          <a:ln>
            <a:noFill/>
          </a:ln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bg1"/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fld id="{54C20BF9-FF77-E143-A47F-DF882E29BE64}" type="datetime1">
              <a:rPr lang="en-US" smtClean="0"/>
              <a:pPr>
                <a:defRPr/>
              </a:pPr>
              <a:t>5/21/2017</a:t>
            </a:fld>
            <a:endParaRPr lang="en-US" dirty="0"/>
          </a:p>
        </p:txBody>
      </p:sp>
      <p:grpSp>
        <p:nvGrpSpPr>
          <p:cNvPr id="13" name="Group 12"/>
          <p:cNvGrpSpPr/>
          <p:nvPr userDrawn="1"/>
        </p:nvGrpSpPr>
        <p:grpSpPr>
          <a:xfrm>
            <a:off x="-4" y="5575300"/>
            <a:ext cx="9144004" cy="1282701"/>
            <a:chOff x="-4" y="5575300"/>
            <a:chExt cx="9144004" cy="1282701"/>
          </a:xfrm>
        </p:grpSpPr>
        <p:sp>
          <p:nvSpPr>
            <p:cNvPr id="14" name="Rectangle 13"/>
            <p:cNvSpPr/>
            <p:nvPr/>
          </p:nvSpPr>
          <p:spPr>
            <a:xfrm>
              <a:off x="7176151" y="6298295"/>
              <a:ext cx="1627971" cy="147993"/>
            </a:xfrm>
            <a:prstGeom prst="rect">
              <a:avLst/>
            </a:prstGeom>
            <a:solidFill>
              <a:srgbClr val="0F1D27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grpSp>
          <p:nvGrpSpPr>
            <p:cNvPr id="15" name="Group 14"/>
            <p:cNvGrpSpPr/>
            <p:nvPr/>
          </p:nvGrpSpPr>
          <p:grpSpPr>
            <a:xfrm>
              <a:off x="-4" y="5575300"/>
              <a:ext cx="9144004" cy="1282701"/>
              <a:chOff x="-4" y="5575300"/>
              <a:chExt cx="9144004" cy="1282701"/>
            </a:xfrm>
          </p:grpSpPr>
          <p:sp>
            <p:nvSpPr>
              <p:cNvPr id="16" name="Rectangle 15"/>
              <p:cNvSpPr/>
              <p:nvPr/>
            </p:nvSpPr>
            <p:spPr bwMode="auto">
              <a:xfrm>
                <a:off x="6055366" y="6308620"/>
                <a:ext cx="3088634" cy="549381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17" name="Rectangle 16"/>
              <p:cNvSpPr/>
              <p:nvPr/>
            </p:nvSpPr>
            <p:spPr bwMode="auto">
              <a:xfrm>
                <a:off x="0" y="6283569"/>
                <a:ext cx="7189330" cy="574431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18" name="Freeform 17"/>
              <p:cNvSpPr/>
              <p:nvPr/>
            </p:nvSpPr>
            <p:spPr bwMode="auto">
              <a:xfrm rot="185474">
                <a:off x="-4" y="5964264"/>
                <a:ext cx="9133386" cy="566342"/>
              </a:xfrm>
              <a:custGeom>
                <a:avLst/>
                <a:gdLst>
                  <a:gd name="connsiteX0" fmla="*/ 0 w 10561745"/>
                  <a:gd name="connsiteY0" fmla="*/ 675428 h 970274"/>
                  <a:gd name="connsiteX1" fmla="*/ 4070929 w 10561745"/>
                  <a:gd name="connsiteY1" fmla="*/ 17695 h 970274"/>
                  <a:gd name="connsiteX2" fmla="*/ 10080937 w 10561745"/>
                  <a:gd name="connsiteY2" fmla="*/ 255840 h 970274"/>
                  <a:gd name="connsiteX3" fmla="*/ 10182994 w 10561745"/>
                  <a:gd name="connsiteY3" fmla="*/ 970274 h 970274"/>
                  <a:gd name="connsiteX0" fmla="*/ 0 w 10507791"/>
                  <a:gd name="connsiteY0" fmla="*/ 733012 h 1027858"/>
                  <a:gd name="connsiteX1" fmla="*/ 4802449 w 10507791"/>
                  <a:gd name="connsiteY1" fmla="*/ 14319 h 1027858"/>
                  <a:gd name="connsiteX2" fmla="*/ 10080937 w 10507791"/>
                  <a:gd name="connsiteY2" fmla="*/ 313424 h 1027858"/>
                  <a:gd name="connsiteX3" fmla="*/ 10182994 w 10507791"/>
                  <a:gd name="connsiteY3" fmla="*/ 1027858 h 1027858"/>
                  <a:gd name="connsiteX0" fmla="*/ 0 w 10476931"/>
                  <a:gd name="connsiteY0" fmla="*/ 791442 h 1086288"/>
                  <a:gd name="connsiteX1" fmla="*/ 5221310 w 10476931"/>
                  <a:gd name="connsiteY1" fmla="*/ 12005 h 1086288"/>
                  <a:gd name="connsiteX2" fmla="*/ 10080937 w 10476931"/>
                  <a:gd name="connsiteY2" fmla="*/ 371854 h 1086288"/>
                  <a:gd name="connsiteX3" fmla="*/ 10182994 w 10476931"/>
                  <a:gd name="connsiteY3" fmla="*/ 1086288 h 1086288"/>
                  <a:gd name="connsiteX0" fmla="*/ 0 w 10503954"/>
                  <a:gd name="connsiteY0" fmla="*/ 477006 h 1075579"/>
                  <a:gd name="connsiteX1" fmla="*/ 5248333 w 10503954"/>
                  <a:gd name="connsiteY1" fmla="*/ 1296 h 1075579"/>
                  <a:gd name="connsiteX2" fmla="*/ 10107960 w 10503954"/>
                  <a:gd name="connsiteY2" fmla="*/ 361145 h 1075579"/>
                  <a:gd name="connsiteX3" fmla="*/ 10210017 w 10503954"/>
                  <a:gd name="connsiteY3" fmla="*/ 1075579 h 1075579"/>
                  <a:gd name="connsiteX0" fmla="*/ 0 w 11223390"/>
                  <a:gd name="connsiteY0" fmla="*/ 476773 h 783769"/>
                  <a:gd name="connsiteX1" fmla="*/ 5248333 w 11223390"/>
                  <a:gd name="connsiteY1" fmla="*/ 1063 h 783769"/>
                  <a:gd name="connsiteX2" fmla="*/ 10107960 w 11223390"/>
                  <a:gd name="connsiteY2" fmla="*/ 360912 h 783769"/>
                  <a:gd name="connsiteX3" fmla="*/ 11223390 w 11223390"/>
                  <a:gd name="connsiteY3" fmla="*/ 783769 h 783769"/>
                  <a:gd name="connsiteX0" fmla="*/ 0 w 11466599"/>
                  <a:gd name="connsiteY0" fmla="*/ 477054 h 1124222"/>
                  <a:gd name="connsiteX1" fmla="*/ 5248333 w 11466599"/>
                  <a:gd name="connsiteY1" fmla="*/ 1344 h 1124222"/>
                  <a:gd name="connsiteX2" fmla="*/ 10107960 w 11466599"/>
                  <a:gd name="connsiteY2" fmla="*/ 361193 h 1124222"/>
                  <a:gd name="connsiteX3" fmla="*/ 11466599 w 11466599"/>
                  <a:gd name="connsiteY3" fmla="*/ 1124223 h 1124222"/>
                  <a:gd name="connsiteX0" fmla="*/ 0 w 11466599"/>
                  <a:gd name="connsiteY0" fmla="*/ 479597 h 1126766"/>
                  <a:gd name="connsiteX1" fmla="*/ 5248333 w 11466599"/>
                  <a:gd name="connsiteY1" fmla="*/ 3887 h 1126766"/>
                  <a:gd name="connsiteX2" fmla="*/ 10094449 w 11466599"/>
                  <a:gd name="connsiteY2" fmla="*/ 302991 h 1126766"/>
                  <a:gd name="connsiteX3" fmla="*/ 11466599 w 11466599"/>
                  <a:gd name="connsiteY3" fmla="*/ 1126766 h 1126766"/>
                  <a:gd name="connsiteX0" fmla="*/ 0 w 11385529"/>
                  <a:gd name="connsiteY0" fmla="*/ 481146 h 1444191"/>
                  <a:gd name="connsiteX1" fmla="*/ 5248333 w 11385529"/>
                  <a:gd name="connsiteY1" fmla="*/ 5436 h 1444191"/>
                  <a:gd name="connsiteX2" fmla="*/ 10094449 w 11385529"/>
                  <a:gd name="connsiteY2" fmla="*/ 304540 h 1444191"/>
                  <a:gd name="connsiteX3" fmla="*/ 11385529 w 11385529"/>
                  <a:gd name="connsiteY3" fmla="*/ 1444190 h 1444191"/>
                  <a:gd name="connsiteX0" fmla="*/ 0 w 10094449"/>
                  <a:gd name="connsiteY0" fmla="*/ 481146 h 481146"/>
                  <a:gd name="connsiteX1" fmla="*/ 5248333 w 10094449"/>
                  <a:gd name="connsiteY1" fmla="*/ 5436 h 481146"/>
                  <a:gd name="connsiteX2" fmla="*/ 10094449 w 10094449"/>
                  <a:gd name="connsiteY2" fmla="*/ 304540 h 481146"/>
                  <a:gd name="connsiteX0" fmla="*/ 0 w 9624267"/>
                  <a:gd name="connsiteY0" fmla="*/ 488689 h 488689"/>
                  <a:gd name="connsiteX1" fmla="*/ 5248333 w 9624267"/>
                  <a:gd name="connsiteY1" fmla="*/ 12979 h 488689"/>
                  <a:gd name="connsiteX2" fmla="*/ 9624267 w 9624267"/>
                  <a:gd name="connsiteY2" fmla="*/ 225238 h 488689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5343"/>
                  <a:gd name="connsiteY0" fmla="*/ 430221 h 430221"/>
                  <a:gd name="connsiteX1" fmla="*/ 4729409 w 9105343"/>
                  <a:gd name="connsiteY1" fmla="*/ 12979 h 430221"/>
                  <a:gd name="connsiteX2" fmla="*/ 9105343 w 9105343"/>
                  <a:gd name="connsiteY2" fmla="*/ 225238 h 430221"/>
                  <a:gd name="connsiteX0" fmla="*/ 0 w 9106770"/>
                  <a:gd name="connsiteY0" fmla="*/ 411155 h 411155"/>
                  <a:gd name="connsiteX1" fmla="*/ 4730836 w 9106770"/>
                  <a:gd name="connsiteY1" fmla="*/ 12979 h 411155"/>
                  <a:gd name="connsiteX2" fmla="*/ 9106770 w 9106770"/>
                  <a:gd name="connsiteY2" fmla="*/ 225238 h 411155"/>
                  <a:gd name="connsiteX0" fmla="*/ 0 w 9134854"/>
                  <a:gd name="connsiteY0" fmla="*/ 456708 h 456708"/>
                  <a:gd name="connsiteX1" fmla="*/ 4730836 w 9134854"/>
                  <a:gd name="connsiteY1" fmla="*/ 58532 h 456708"/>
                  <a:gd name="connsiteX2" fmla="*/ 9134854 w 9134854"/>
                  <a:gd name="connsiteY2" fmla="*/ 144387 h 456708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9134854 w 9134854"/>
                  <a:gd name="connsiteY2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421282 h 421282"/>
                  <a:gd name="connsiteX1" fmla="*/ 4730836 w 9134854"/>
                  <a:gd name="connsiteY1" fmla="*/ 23106 h 421282"/>
                  <a:gd name="connsiteX2" fmla="*/ 6618721 w 9134854"/>
                  <a:gd name="connsiteY2" fmla="*/ 0 h 421282"/>
                  <a:gd name="connsiteX3" fmla="*/ 9134854 w 9134854"/>
                  <a:gd name="connsiteY3" fmla="*/ 108961 h 421282"/>
                  <a:gd name="connsiteX0" fmla="*/ 0 w 9134854"/>
                  <a:gd name="connsiteY0" fmla="*/ 408689 h 408689"/>
                  <a:gd name="connsiteX1" fmla="*/ 4730836 w 9134854"/>
                  <a:gd name="connsiteY1" fmla="*/ 10513 h 408689"/>
                  <a:gd name="connsiteX2" fmla="*/ 6619664 w 9134854"/>
                  <a:gd name="connsiteY2" fmla="*/ 0 h 408689"/>
                  <a:gd name="connsiteX3" fmla="*/ 9134854 w 9134854"/>
                  <a:gd name="connsiteY3" fmla="*/ 96368 h 408689"/>
                  <a:gd name="connsiteX0" fmla="*/ 0 w 9132967"/>
                  <a:gd name="connsiteY0" fmla="*/ 408689 h 408689"/>
                  <a:gd name="connsiteX1" fmla="*/ 4730836 w 9132967"/>
                  <a:gd name="connsiteY1" fmla="*/ 10513 h 408689"/>
                  <a:gd name="connsiteX2" fmla="*/ 6619664 w 9132967"/>
                  <a:gd name="connsiteY2" fmla="*/ 0 h 408689"/>
                  <a:gd name="connsiteX3" fmla="*/ 9132967 w 9132967"/>
                  <a:gd name="connsiteY3" fmla="*/ 71182 h 408689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9132967" h="408689">
                    <a:moveTo>
                      <a:pt x="0" y="408689"/>
                    </a:moveTo>
                    <a:cubicBezTo>
                      <a:pt x="1238397" y="246964"/>
                      <a:pt x="3048428" y="39947"/>
                      <a:pt x="4730836" y="10513"/>
                    </a:cubicBezTo>
                    <a:lnTo>
                      <a:pt x="6619664" y="0"/>
                    </a:lnTo>
                    <a:lnTo>
                      <a:pt x="9132967" y="71182"/>
                    </a:lnTo>
                  </a:path>
                </a:pathLst>
              </a:custGeom>
              <a:solidFill>
                <a:srgbClr val="0F1D27"/>
              </a:solidFill>
              <a:ln>
                <a:noFill/>
              </a:ln>
              <a:effectLst/>
            </p:spPr>
            <p:style>
              <a:lnRef idx="2">
                <a:schemeClr val="accent1"/>
              </a:lnRef>
              <a:fillRef idx="0">
                <a:schemeClr val="accent1"/>
              </a:fillRef>
              <a:effectRef idx="1">
                <a:schemeClr val="accent1"/>
              </a:effectRef>
              <a:fontRef idx="minor">
                <a:schemeClr val="tx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grpSp>
            <p:nvGrpSpPr>
              <p:cNvPr id="19" name="Group 24"/>
              <p:cNvGrpSpPr>
                <a:grpSpLocks/>
              </p:cNvGrpSpPr>
              <p:nvPr/>
            </p:nvGrpSpPr>
            <p:grpSpPr bwMode="auto">
              <a:xfrm>
                <a:off x="0" y="5575300"/>
                <a:ext cx="9144000" cy="825500"/>
                <a:chOff x="106536600" y="113670343"/>
                <a:chExt cx="7300243" cy="825104"/>
              </a:xfrm>
            </p:grpSpPr>
            <p:sp>
              <p:nvSpPr>
                <p:cNvPr id="20" name="Freeform 25"/>
                <p:cNvSpPr>
                  <a:spLocks/>
                </p:cNvSpPr>
                <p:nvPr/>
              </p:nvSpPr>
              <p:spPr bwMode="auto">
                <a:xfrm>
                  <a:off x="106536600" y="113838364"/>
                  <a:ext cx="7300243" cy="657083"/>
                </a:xfrm>
                <a:custGeom>
                  <a:avLst/>
                  <a:gdLst/>
                  <a:ahLst/>
                  <a:cxnLst>
                    <a:cxn ang="0">
                      <a:pos x="0" y="145"/>
                    </a:cxn>
                    <a:cxn ang="0">
                      <a:pos x="2452" y="219"/>
                    </a:cxn>
                  </a:cxnLst>
                  <a:rect l="0" t="0" r="r" b="b"/>
                  <a:pathLst>
                    <a:path w="2452" h="219">
                      <a:moveTo>
                        <a:pt x="0" y="145"/>
                      </a:moveTo>
                      <a:cubicBezTo>
                        <a:pt x="950" y="0"/>
                        <a:pt x="1836" y="98"/>
                        <a:pt x="2452" y="219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21" name="Freeform 26"/>
                <p:cNvSpPr>
                  <a:spLocks/>
                </p:cNvSpPr>
                <p:nvPr/>
              </p:nvSpPr>
              <p:spPr bwMode="auto">
                <a:xfrm>
                  <a:off x="106536600" y="113808360"/>
                  <a:ext cx="7300243" cy="543069"/>
                </a:xfrm>
                <a:custGeom>
                  <a:avLst/>
                  <a:gdLst/>
                  <a:ahLst/>
                  <a:cxnLst>
                    <a:cxn ang="0">
                      <a:pos x="0" y="181"/>
                    </a:cxn>
                    <a:cxn ang="0">
                      <a:pos x="2452" y="165"/>
                    </a:cxn>
                  </a:cxnLst>
                  <a:rect l="0" t="0" r="r" b="b"/>
                  <a:pathLst>
                    <a:path w="2452" h="181">
                      <a:moveTo>
                        <a:pt x="0" y="181"/>
                      </a:moveTo>
                      <a:cubicBezTo>
                        <a:pt x="940" y="0"/>
                        <a:pt x="1828" y="65"/>
                        <a:pt x="2452" y="16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22" name="Freeform 27"/>
                <p:cNvSpPr>
                  <a:spLocks/>
                </p:cNvSpPr>
                <p:nvPr/>
              </p:nvSpPr>
              <p:spPr bwMode="auto">
                <a:xfrm>
                  <a:off x="106536600" y="113670343"/>
                  <a:ext cx="7300243" cy="543068"/>
                </a:xfrm>
                <a:custGeom>
                  <a:avLst/>
                  <a:gdLst/>
                  <a:ahLst/>
                  <a:cxnLst>
                    <a:cxn ang="0">
                      <a:pos x="2452" y="181"/>
                    </a:cxn>
                    <a:cxn ang="0">
                      <a:pos x="0" y="170"/>
                    </a:cxn>
                  </a:cxnLst>
                  <a:rect l="0" t="0" r="r" b="b"/>
                  <a:pathLst>
                    <a:path w="2452" h="181">
                      <a:moveTo>
                        <a:pt x="2452" y="181"/>
                      </a:moveTo>
                      <a:cubicBezTo>
                        <a:pt x="1828" y="74"/>
                        <a:pt x="942" y="0"/>
                        <a:pt x="0" y="170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23" name="Freeform 29"/>
                <p:cNvSpPr>
                  <a:spLocks/>
                </p:cNvSpPr>
                <p:nvPr/>
              </p:nvSpPr>
              <p:spPr bwMode="auto">
                <a:xfrm>
                  <a:off x="106536600" y="113895371"/>
                  <a:ext cx="7300243" cy="546069"/>
                </a:xfrm>
                <a:custGeom>
                  <a:avLst/>
                  <a:gdLst/>
                  <a:ahLst/>
                  <a:cxnLst>
                    <a:cxn ang="0">
                      <a:pos x="0" y="170"/>
                    </a:cxn>
                    <a:cxn ang="0">
                      <a:pos x="2452" y="182"/>
                    </a:cxn>
                  </a:cxnLst>
                  <a:rect l="0" t="0" r="r" b="b"/>
                  <a:pathLst>
                    <a:path w="2452" h="182">
                      <a:moveTo>
                        <a:pt x="0" y="170"/>
                      </a:moveTo>
                      <a:cubicBezTo>
                        <a:pt x="942" y="0"/>
                        <a:pt x="1829" y="75"/>
                        <a:pt x="2452" y="182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24" name="Freeform 28"/>
                <p:cNvSpPr>
                  <a:spLocks/>
                </p:cNvSpPr>
                <p:nvPr/>
              </p:nvSpPr>
              <p:spPr bwMode="auto">
                <a:xfrm>
                  <a:off x="106536600" y="113781357"/>
                  <a:ext cx="7300243" cy="555070"/>
                </a:xfrm>
                <a:custGeom>
                  <a:avLst/>
                  <a:gdLst/>
                  <a:ahLst/>
                  <a:cxnLst>
                    <a:cxn ang="0">
                      <a:pos x="0" y="167"/>
                    </a:cxn>
                    <a:cxn ang="0">
                      <a:pos x="2452" y="185"/>
                    </a:cxn>
                  </a:cxnLst>
                  <a:rect l="0" t="0" r="r" b="b"/>
                  <a:pathLst>
                    <a:path w="2452" h="185">
                      <a:moveTo>
                        <a:pt x="0" y="167"/>
                      </a:moveTo>
                      <a:cubicBezTo>
                        <a:pt x="943" y="0"/>
                        <a:pt x="1829" y="77"/>
                        <a:pt x="2452" y="18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</p:grpSp>
        </p:grpSp>
      </p:grpSp>
      <p:sp>
        <p:nvSpPr>
          <p:cNvPr id="28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2098488" y="3244982"/>
            <a:ext cx="6889850" cy="1752600"/>
          </a:xfrm>
        </p:spPr>
        <p:txBody>
          <a:bodyPr/>
          <a:lstStyle>
            <a:lvl1pPr marL="0" indent="0" algn="ctr">
              <a:buNone/>
              <a:defRPr sz="2800" spc="300" baseline="0">
                <a:solidFill>
                  <a:schemeClr val="bg1"/>
                </a:solidFill>
                <a:latin typeface="+mn-lt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 smtClean="0"/>
              <a:t>INTELLIGENT COMPACTION</a:t>
            </a:r>
          </a:p>
          <a:p>
            <a:r>
              <a:rPr lang="en-US" dirty="0" smtClean="0"/>
              <a:t>DATA MANAGEMENT</a:t>
            </a:r>
          </a:p>
        </p:txBody>
      </p:sp>
      <p:sp>
        <p:nvSpPr>
          <p:cNvPr id="30" name="Title 1"/>
          <p:cNvSpPr>
            <a:spLocks noGrp="1"/>
          </p:cNvSpPr>
          <p:nvPr>
            <p:ph type="ctrTitle" hasCustomPrompt="1"/>
          </p:nvPr>
        </p:nvSpPr>
        <p:spPr>
          <a:xfrm>
            <a:off x="2098488" y="1002961"/>
            <a:ext cx="6889850" cy="1470025"/>
          </a:xfrm>
          <a:prstGeom prst="rect">
            <a:avLst/>
          </a:prstGeom>
        </p:spPr>
        <p:txBody>
          <a:bodyPr/>
          <a:lstStyle>
            <a:lvl1pPr>
              <a:defRPr sz="4800">
                <a:solidFill>
                  <a:schemeClr val="bg1"/>
                </a:solidFill>
              </a:defRPr>
            </a:lvl1pPr>
          </a:lstStyle>
          <a:p>
            <a:r>
              <a:rPr lang="en-US" dirty="0" smtClean="0"/>
              <a:t>ICDM Workshop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7C464D3F-7951-48D6-B516-38BCC70FD2DB}" type="datetimeFigureOut">
              <a:rPr lang="en-US" smtClean="0"/>
              <a:pPr/>
              <a:t>5/21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7960C437-ABEE-4369-BB5A-B03AB5B3FC05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999949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ftr" sz="quarter" idx="5"/>
          </p:nvPr>
        </p:nvSpPr>
        <p:spPr>
          <a:xfrm>
            <a:off x="1815959" y="6234187"/>
            <a:ext cx="941294" cy="166255"/>
          </a:xfrm>
          <a:prstGeom prst="rect">
            <a:avLst/>
          </a:prstGeom>
        </p:spPr>
        <p:txBody>
          <a:bodyPr lIns="0" tIns="0" rIns="0" bIns="0"/>
          <a:lstStyle>
            <a:lvl1pPr>
              <a:defRPr sz="382" b="0" i="0">
                <a:solidFill>
                  <a:schemeClr val="tx1"/>
                </a:solidFill>
                <a:latin typeface="Times New Roman"/>
                <a:cs typeface="Times New Roman"/>
              </a:defRPr>
            </a:lvl1pPr>
          </a:lstStyle>
          <a:p>
            <a:pPr algn="ctr">
              <a:lnSpc>
                <a:spcPts val="553"/>
              </a:lnSpc>
            </a:pPr>
            <a:r>
              <a:rPr lang="en-US" sz="471" spc="-6" smtClean="0"/>
              <a:t>GPR</a:t>
            </a:r>
            <a:r>
              <a:rPr lang="en-US" sz="471" spc="-24" smtClean="0"/>
              <a:t> </a:t>
            </a:r>
            <a:r>
              <a:rPr lang="en-US" sz="471" spc="-9" smtClean="0"/>
              <a:t>D</a:t>
            </a:r>
            <a:r>
              <a:rPr lang="en-US" spc="-3" smtClean="0"/>
              <a:t>ENS</a:t>
            </a:r>
            <a:r>
              <a:rPr lang="en-US" smtClean="0"/>
              <a:t>I</a:t>
            </a:r>
            <a:r>
              <a:rPr lang="en-US" spc="-3" smtClean="0"/>
              <a:t>TY </a:t>
            </a:r>
            <a:r>
              <a:rPr lang="en-US" sz="471" spc="-3" smtClean="0"/>
              <a:t>E</a:t>
            </a:r>
            <a:r>
              <a:rPr lang="en-US" smtClean="0"/>
              <a:t>V</a:t>
            </a:r>
            <a:r>
              <a:rPr lang="en-US" spc="-3" smtClean="0"/>
              <a:t>ALUATI</a:t>
            </a:r>
            <a:r>
              <a:rPr lang="en-US" smtClean="0"/>
              <a:t>O</a:t>
            </a:r>
            <a:r>
              <a:rPr lang="en-US" spc="-3" smtClean="0"/>
              <a:t>N</a:t>
            </a:r>
            <a:endParaRPr lang="en-US" sz="471" smtClean="0"/>
          </a:p>
          <a:p>
            <a:pPr algn="ctr">
              <a:lnSpc>
                <a:spcPts val="553"/>
              </a:lnSpc>
            </a:pPr>
            <a:r>
              <a:rPr lang="en-US" sz="471" spc="-6" smtClean="0"/>
              <a:t>IC</a:t>
            </a:r>
            <a:r>
              <a:rPr lang="en-US" sz="471" smtClean="0"/>
              <a:t> </a:t>
            </a:r>
            <a:r>
              <a:rPr lang="en-US" sz="471" spc="-44" smtClean="0"/>
              <a:t> </a:t>
            </a:r>
            <a:r>
              <a:rPr lang="en-US" sz="471" spc="-9" smtClean="0"/>
              <a:t>D</a:t>
            </a:r>
            <a:r>
              <a:rPr lang="en-US" spc="-3" smtClean="0"/>
              <a:t>EMO </a:t>
            </a:r>
            <a:r>
              <a:rPr lang="en-US" sz="471" spc="-3" smtClean="0"/>
              <a:t>P</a:t>
            </a:r>
            <a:r>
              <a:rPr lang="en-US" spc="-6" smtClean="0"/>
              <a:t>RO</a:t>
            </a:r>
            <a:r>
              <a:rPr lang="en-US" smtClean="0"/>
              <a:t>J</a:t>
            </a:r>
            <a:r>
              <a:rPr lang="en-US" spc="-3" smtClean="0"/>
              <a:t>E</a:t>
            </a:r>
            <a:r>
              <a:rPr lang="en-US" spc="-6" smtClean="0"/>
              <a:t>C</a:t>
            </a:r>
            <a:r>
              <a:rPr lang="en-US" smtClean="0"/>
              <a:t>T</a:t>
            </a:r>
            <a:r>
              <a:rPr lang="en-US" sz="471" spc="-3" smtClean="0"/>
              <a:t>,</a:t>
            </a:r>
            <a:r>
              <a:rPr lang="en-US" sz="471" spc="-24" smtClean="0"/>
              <a:t> </a:t>
            </a:r>
            <a:r>
              <a:rPr lang="en-US" sz="471" spc="-6" smtClean="0"/>
              <a:t>I-</a:t>
            </a:r>
            <a:r>
              <a:rPr lang="en-US" sz="471" spc="-3" smtClean="0"/>
              <a:t>80,</a:t>
            </a:r>
            <a:r>
              <a:rPr lang="en-US" sz="471" spc="-24" smtClean="0"/>
              <a:t> </a:t>
            </a:r>
            <a:r>
              <a:rPr lang="en-US" sz="471" spc="-3" smtClean="0"/>
              <a:t>S</a:t>
            </a:r>
            <a:r>
              <a:rPr lang="en-US" smtClean="0"/>
              <a:t>O</a:t>
            </a:r>
            <a:r>
              <a:rPr lang="en-US" spc="-3" smtClean="0"/>
              <a:t>LAN</a:t>
            </a:r>
            <a:r>
              <a:rPr lang="en-US" smtClean="0"/>
              <a:t>O</a:t>
            </a:r>
            <a:r>
              <a:rPr lang="en-US" sz="471" spc="-3" smtClean="0"/>
              <a:t>,</a:t>
            </a:r>
            <a:r>
              <a:rPr lang="en-US" sz="471" spc="-24" smtClean="0"/>
              <a:t> </a:t>
            </a:r>
            <a:r>
              <a:rPr lang="en-US" sz="471" spc="-3" smtClean="0"/>
              <a:t>CA</a:t>
            </a:r>
            <a:endParaRPr lang="en-US" sz="471"/>
          </a:p>
        </p:txBody>
      </p:sp>
      <p:sp>
        <p:nvSpPr>
          <p:cNvPr id="3" name="Holder 3"/>
          <p:cNvSpPr>
            <a:spLocks noGrp="1"/>
          </p:cNvSpPr>
          <p:nvPr>
            <p:ph type="dt" sz="half" idx="6"/>
          </p:nvPr>
        </p:nvSpPr>
        <p:spPr>
          <a:xfrm>
            <a:off x="530412" y="6234187"/>
            <a:ext cx="427691" cy="166255"/>
          </a:xfrm>
          <a:prstGeom prst="rect">
            <a:avLst/>
          </a:prstGeom>
        </p:spPr>
        <p:txBody>
          <a:bodyPr lIns="0" tIns="0" rIns="0" bIns="0"/>
          <a:lstStyle>
            <a:lvl1pPr>
              <a:defRPr sz="382" b="0" i="0">
                <a:solidFill>
                  <a:schemeClr val="tx1"/>
                </a:solidFill>
                <a:latin typeface="Times New Roman"/>
                <a:cs typeface="Times New Roman"/>
              </a:defRPr>
            </a:lvl1pPr>
          </a:lstStyle>
          <a:p>
            <a:pPr marL="7470" marR="2988">
              <a:lnSpc>
                <a:spcPts val="541"/>
              </a:lnSpc>
            </a:pPr>
            <a:r>
              <a:rPr lang="en-US" sz="471" spc="-6" smtClean="0"/>
              <a:t>I</a:t>
            </a:r>
            <a:r>
              <a:rPr lang="en-US" spc="-6" smtClean="0"/>
              <a:t>NFR</a:t>
            </a:r>
            <a:r>
              <a:rPr lang="en-US" smtClean="0"/>
              <a:t>A</a:t>
            </a:r>
            <a:r>
              <a:rPr lang="en-US" spc="-6" smtClean="0"/>
              <a:t>SENS</a:t>
            </a:r>
            <a:r>
              <a:rPr lang="en-US" smtClean="0"/>
              <a:t>E</a:t>
            </a:r>
            <a:r>
              <a:rPr lang="en-US" sz="471" spc="-3" smtClean="0"/>
              <a:t>,</a:t>
            </a:r>
            <a:r>
              <a:rPr lang="en-US" sz="471" spc="-24" smtClean="0"/>
              <a:t> </a:t>
            </a:r>
            <a:r>
              <a:rPr lang="en-US" sz="471" spc="-6" smtClean="0"/>
              <a:t>I</a:t>
            </a:r>
            <a:r>
              <a:rPr lang="en-US" smtClean="0"/>
              <a:t>NC </a:t>
            </a:r>
            <a:r>
              <a:rPr lang="en-US" spc="-6" smtClean="0"/>
              <a:t>C</a:t>
            </a:r>
            <a:r>
              <a:rPr lang="en-US" sz="471" spc="-3" smtClean="0"/>
              <a:t>13</a:t>
            </a:r>
            <a:r>
              <a:rPr lang="en-US" sz="471" spc="-6" smtClean="0"/>
              <a:t>-</a:t>
            </a:r>
            <a:r>
              <a:rPr lang="en-US" sz="471" spc="-3" smtClean="0"/>
              <a:t>018</a:t>
            </a:r>
            <a:endParaRPr lang="en-US" sz="471"/>
          </a:p>
        </p:txBody>
      </p:sp>
      <p:sp>
        <p:nvSpPr>
          <p:cNvPr id="4" name="Holder 4"/>
          <p:cNvSpPr>
            <a:spLocks noGrp="1"/>
          </p:cNvSpPr>
          <p:nvPr>
            <p:ph type="sldNum" sz="quarter" idx="7"/>
          </p:nvPr>
        </p:nvSpPr>
        <p:spPr>
          <a:xfrm>
            <a:off x="3565412" y="6234187"/>
            <a:ext cx="482973" cy="166255"/>
          </a:xfrm>
          <a:prstGeom prst="rect">
            <a:avLst/>
          </a:prstGeom>
        </p:spPr>
        <p:txBody>
          <a:bodyPr lIns="0" tIns="0" rIns="0" bIns="0"/>
          <a:lstStyle>
            <a:lvl1pPr>
              <a:defRPr sz="382" b="0" i="0">
                <a:solidFill>
                  <a:schemeClr val="tx1"/>
                </a:solidFill>
                <a:latin typeface="Times New Roman"/>
                <a:cs typeface="Times New Roman"/>
              </a:defRPr>
            </a:lvl1pPr>
          </a:lstStyle>
          <a:p>
            <a:pPr marL="7470">
              <a:lnSpc>
                <a:spcPts val="553"/>
              </a:lnSpc>
            </a:pPr>
            <a:r>
              <a:rPr lang="en-US" sz="471" spc="-9" smtClean="0"/>
              <a:t>D</a:t>
            </a:r>
            <a:r>
              <a:rPr lang="en-US" spc="-3" smtClean="0"/>
              <a:t>ECEM</a:t>
            </a:r>
            <a:r>
              <a:rPr lang="en-US" smtClean="0"/>
              <a:t>B</a:t>
            </a:r>
            <a:r>
              <a:rPr lang="en-US" spc="-3" smtClean="0"/>
              <a:t>ER </a:t>
            </a:r>
            <a:r>
              <a:rPr lang="en-US" sz="471" spc="-3" smtClean="0"/>
              <a:t>4,</a:t>
            </a:r>
            <a:r>
              <a:rPr lang="en-US" sz="471" spc="-24" smtClean="0"/>
              <a:t> </a:t>
            </a:r>
            <a:r>
              <a:rPr lang="en-US" sz="471" spc="-3" smtClean="0"/>
              <a:t>2013</a:t>
            </a:r>
            <a:endParaRPr lang="en-US" sz="471" smtClean="0"/>
          </a:p>
          <a:p>
            <a:pPr marL="281251">
              <a:lnSpc>
                <a:spcPts val="553"/>
              </a:lnSpc>
            </a:pPr>
            <a:r>
              <a:rPr lang="en-US" sz="471" spc="-3" smtClean="0"/>
              <a:t>P</a:t>
            </a:r>
            <a:r>
              <a:rPr lang="en-US" spc="-3" smtClean="0"/>
              <a:t>AGE  </a:t>
            </a:r>
            <a:fld id="{81D60167-4931-47E6-BA6A-407CBD079E47}" type="slidenum">
              <a:rPr sz="471" spc="-3" smtClean="0"/>
              <a:pPr marL="281251">
                <a:lnSpc>
                  <a:spcPts val="553"/>
                </a:lnSpc>
              </a:pPr>
              <a:t>‹#›</a:t>
            </a:fld>
            <a:endParaRPr sz="471"/>
          </a:p>
        </p:txBody>
      </p:sp>
    </p:spTree>
    <p:extLst>
      <p:ext uri="{BB962C8B-B14F-4D97-AF65-F5344CB8AC3E}">
        <p14:creationId xmlns:p14="http://schemas.microsoft.com/office/powerpoint/2010/main" val="269609725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ection Style 1 with Pic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Picture Placeholder 6"/>
          <p:cNvSpPr>
            <a:spLocks noGrp="1"/>
          </p:cNvSpPr>
          <p:nvPr>
            <p:ph type="pic" sz="quarter" idx="13"/>
          </p:nvPr>
        </p:nvSpPr>
        <p:spPr>
          <a:xfrm>
            <a:off x="0" y="3492500"/>
            <a:ext cx="9115425" cy="2857500"/>
          </a:xfrm>
        </p:spPr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r>
              <a:rPr lang="en-US" dirty="0" smtClean="0"/>
              <a:t>Click icon to add picture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1" y="767329"/>
            <a:ext cx="9116032" cy="1891862"/>
          </a:xfrm>
          <a:prstGeom prst="rect">
            <a:avLst/>
          </a:prstGeom>
        </p:spPr>
        <p:txBody>
          <a:bodyPr/>
          <a:lstStyle>
            <a:lvl1pPr>
              <a:defRPr baseline="0"/>
            </a:lvl1pPr>
          </a:lstStyle>
          <a:p>
            <a:r>
              <a:rPr lang="en-US" dirty="0" smtClean="0"/>
              <a:t>Click to edit Section Title</a:t>
            </a:r>
            <a:endParaRPr lang="en-US" dirty="0"/>
          </a:p>
        </p:txBody>
      </p:sp>
      <p:grpSp>
        <p:nvGrpSpPr>
          <p:cNvPr id="22" name="Group 21"/>
          <p:cNvGrpSpPr/>
          <p:nvPr userDrawn="1"/>
        </p:nvGrpSpPr>
        <p:grpSpPr>
          <a:xfrm>
            <a:off x="-4" y="5575300"/>
            <a:ext cx="9144004" cy="1282701"/>
            <a:chOff x="-4" y="5575300"/>
            <a:chExt cx="9144004" cy="1282701"/>
          </a:xfrm>
        </p:grpSpPr>
        <p:sp>
          <p:nvSpPr>
            <p:cNvPr id="23" name="Rectangle 22"/>
            <p:cNvSpPr/>
            <p:nvPr/>
          </p:nvSpPr>
          <p:spPr>
            <a:xfrm>
              <a:off x="7176151" y="6298295"/>
              <a:ext cx="1627971" cy="147993"/>
            </a:xfrm>
            <a:prstGeom prst="rect">
              <a:avLst/>
            </a:prstGeom>
            <a:solidFill>
              <a:srgbClr val="0F1D27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grpSp>
          <p:nvGrpSpPr>
            <p:cNvPr id="24" name="Group 23"/>
            <p:cNvGrpSpPr/>
            <p:nvPr/>
          </p:nvGrpSpPr>
          <p:grpSpPr>
            <a:xfrm>
              <a:off x="-4" y="5575300"/>
              <a:ext cx="9144004" cy="1282701"/>
              <a:chOff x="-4" y="5575300"/>
              <a:chExt cx="9144004" cy="1282701"/>
            </a:xfrm>
          </p:grpSpPr>
          <p:sp>
            <p:nvSpPr>
              <p:cNvPr id="25" name="Rectangle 24"/>
              <p:cNvSpPr/>
              <p:nvPr/>
            </p:nvSpPr>
            <p:spPr bwMode="auto">
              <a:xfrm>
                <a:off x="6055366" y="6308620"/>
                <a:ext cx="3088634" cy="549381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26" name="Rectangle 25"/>
              <p:cNvSpPr/>
              <p:nvPr/>
            </p:nvSpPr>
            <p:spPr bwMode="auto">
              <a:xfrm>
                <a:off x="0" y="6283569"/>
                <a:ext cx="7189330" cy="574431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27" name="Freeform 26"/>
              <p:cNvSpPr/>
              <p:nvPr/>
            </p:nvSpPr>
            <p:spPr bwMode="auto">
              <a:xfrm rot="185474">
                <a:off x="-4" y="5964264"/>
                <a:ext cx="9133386" cy="566342"/>
              </a:xfrm>
              <a:custGeom>
                <a:avLst/>
                <a:gdLst>
                  <a:gd name="connsiteX0" fmla="*/ 0 w 10561745"/>
                  <a:gd name="connsiteY0" fmla="*/ 675428 h 970274"/>
                  <a:gd name="connsiteX1" fmla="*/ 4070929 w 10561745"/>
                  <a:gd name="connsiteY1" fmla="*/ 17695 h 970274"/>
                  <a:gd name="connsiteX2" fmla="*/ 10080937 w 10561745"/>
                  <a:gd name="connsiteY2" fmla="*/ 255840 h 970274"/>
                  <a:gd name="connsiteX3" fmla="*/ 10182994 w 10561745"/>
                  <a:gd name="connsiteY3" fmla="*/ 970274 h 970274"/>
                  <a:gd name="connsiteX0" fmla="*/ 0 w 10507791"/>
                  <a:gd name="connsiteY0" fmla="*/ 733012 h 1027858"/>
                  <a:gd name="connsiteX1" fmla="*/ 4802449 w 10507791"/>
                  <a:gd name="connsiteY1" fmla="*/ 14319 h 1027858"/>
                  <a:gd name="connsiteX2" fmla="*/ 10080937 w 10507791"/>
                  <a:gd name="connsiteY2" fmla="*/ 313424 h 1027858"/>
                  <a:gd name="connsiteX3" fmla="*/ 10182994 w 10507791"/>
                  <a:gd name="connsiteY3" fmla="*/ 1027858 h 1027858"/>
                  <a:gd name="connsiteX0" fmla="*/ 0 w 10476931"/>
                  <a:gd name="connsiteY0" fmla="*/ 791442 h 1086288"/>
                  <a:gd name="connsiteX1" fmla="*/ 5221310 w 10476931"/>
                  <a:gd name="connsiteY1" fmla="*/ 12005 h 1086288"/>
                  <a:gd name="connsiteX2" fmla="*/ 10080937 w 10476931"/>
                  <a:gd name="connsiteY2" fmla="*/ 371854 h 1086288"/>
                  <a:gd name="connsiteX3" fmla="*/ 10182994 w 10476931"/>
                  <a:gd name="connsiteY3" fmla="*/ 1086288 h 1086288"/>
                  <a:gd name="connsiteX0" fmla="*/ 0 w 10503954"/>
                  <a:gd name="connsiteY0" fmla="*/ 477006 h 1075579"/>
                  <a:gd name="connsiteX1" fmla="*/ 5248333 w 10503954"/>
                  <a:gd name="connsiteY1" fmla="*/ 1296 h 1075579"/>
                  <a:gd name="connsiteX2" fmla="*/ 10107960 w 10503954"/>
                  <a:gd name="connsiteY2" fmla="*/ 361145 h 1075579"/>
                  <a:gd name="connsiteX3" fmla="*/ 10210017 w 10503954"/>
                  <a:gd name="connsiteY3" fmla="*/ 1075579 h 1075579"/>
                  <a:gd name="connsiteX0" fmla="*/ 0 w 11223390"/>
                  <a:gd name="connsiteY0" fmla="*/ 476773 h 783769"/>
                  <a:gd name="connsiteX1" fmla="*/ 5248333 w 11223390"/>
                  <a:gd name="connsiteY1" fmla="*/ 1063 h 783769"/>
                  <a:gd name="connsiteX2" fmla="*/ 10107960 w 11223390"/>
                  <a:gd name="connsiteY2" fmla="*/ 360912 h 783769"/>
                  <a:gd name="connsiteX3" fmla="*/ 11223390 w 11223390"/>
                  <a:gd name="connsiteY3" fmla="*/ 783769 h 783769"/>
                  <a:gd name="connsiteX0" fmla="*/ 0 w 11466599"/>
                  <a:gd name="connsiteY0" fmla="*/ 477054 h 1124222"/>
                  <a:gd name="connsiteX1" fmla="*/ 5248333 w 11466599"/>
                  <a:gd name="connsiteY1" fmla="*/ 1344 h 1124222"/>
                  <a:gd name="connsiteX2" fmla="*/ 10107960 w 11466599"/>
                  <a:gd name="connsiteY2" fmla="*/ 361193 h 1124222"/>
                  <a:gd name="connsiteX3" fmla="*/ 11466599 w 11466599"/>
                  <a:gd name="connsiteY3" fmla="*/ 1124223 h 1124222"/>
                  <a:gd name="connsiteX0" fmla="*/ 0 w 11466599"/>
                  <a:gd name="connsiteY0" fmla="*/ 479597 h 1126766"/>
                  <a:gd name="connsiteX1" fmla="*/ 5248333 w 11466599"/>
                  <a:gd name="connsiteY1" fmla="*/ 3887 h 1126766"/>
                  <a:gd name="connsiteX2" fmla="*/ 10094449 w 11466599"/>
                  <a:gd name="connsiteY2" fmla="*/ 302991 h 1126766"/>
                  <a:gd name="connsiteX3" fmla="*/ 11466599 w 11466599"/>
                  <a:gd name="connsiteY3" fmla="*/ 1126766 h 1126766"/>
                  <a:gd name="connsiteX0" fmla="*/ 0 w 11385529"/>
                  <a:gd name="connsiteY0" fmla="*/ 481146 h 1444191"/>
                  <a:gd name="connsiteX1" fmla="*/ 5248333 w 11385529"/>
                  <a:gd name="connsiteY1" fmla="*/ 5436 h 1444191"/>
                  <a:gd name="connsiteX2" fmla="*/ 10094449 w 11385529"/>
                  <a:gd name="connsiteY2" fmla="*/ 304540 h 1444191"/>
                  <a:gd name="connsiteX3" fmla="*/ 11385529 w 11385529"/>
                  <a:gd name="connsiteY3" fmla="*/ 1444190 h 1444191"/>
                  <a:gd name="connsiteX0" fmla="*/ 0 w 10094449"/>
                  <a:gd name="connsiteY0" fmla="*/ 481146 h 481146"/>
                  <a:gd name="connsiteX1" fmla="*/ 5248333 w 10094449"/>
                  <a:gd name="connsiteY1" fmla="*/ 5436 h 481146"/>
                  <a:gd name="connsiteX2" fmla="*/ 10094449 w 10094449"/>
                  <a:gd name="connsiteY2" fmla="*/ 304540 h 481146"/>
                  <a:gd name="connsiteX0" fmla="*/ 0 w 9624267"/>
                  <a:gd name="connsiteY0" fmla="*/ 488689 h 488689"/>
                  <a:gd name="connsiteX1" fmla="*/ 5248333 w 9624267"/>
                  <a:gd name="connsiteY1" fmla="*/ 12979 h 488689"/>
                  <a:gd name="connsiteX2" fmla="*/ 9624267 w 9624267"/>
                  <a:gd name="connsiteY2" fmla="*/ 225238 h 488689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5343"/>
                  <a:gd name="connsiteY0" fmla="*/ 430221 h 430221"/>
                  <a:gd name="connsiteX1" fmla="*/ 4729409 w 9105343"/>
                  <a:gd name="connsiteY1" fmla="*/ 12979 h 430221"/>
                  <a:gd name="connsiteX2" fmla="*/ 9105343 w 9105343"/>
                  <a:gd name="connsiteY2" fmla="*/ 225238 h 430221"/>
                  <a:gd name="connsiteX0" fmla="*/ 0 w 9106770"/>
                  <a:gd name="connsiteY0" fmla="*/ 411155 h 411155"/>
                  <a:gd name="connsiteX1" fmla="*/ 4730836 w 9106770"/>
                  <a:gd name="connsiteY1" fmla="*/ 12979 h 411155"/>
                  <a:gd name="connsiteX2" fmla="*/ 9106770 w 9106770"/>
                  <a:gd name="connsiteY2" fmla="*/ 225238 h 411155"/>
                  <a:gd name="connsiteX0" fmla="*/ 0 w 9134854"/>
                  <a:gd name="connsiteY0" fmla="*/ 456708 h 456708"/>
                  <a:gd name="connsiteX1" fmla="*/ 4730836 w 9134854"/>
                  <a:gd name="connsiteY1" fmla="*/ 58532 h 456708"/>
                  <a:gd name="connsiteX2" fmla="*/ 9134854 w 9134854"/>
                  <a:gd name="connsiteY2" fmla="*/ 144387 h 456708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9134854 w 9134854"/>
                  <a:gd name="connsiteY2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421282 h 421282"/>
                  <a:gd name="connsiteX1" fmla="*/ 4730836 w 9134854"/>
                  <a:gd name="connsiteY1" fmla="*/ 23106 h 421282"/>
                  <a:gd name="connsiteX2" fmla="*/ 6618721 w 9134854"/>
                  <a:gd name="connsiteY2" fmla="*/ 0 h 421282"/>
                  <a:gd name="connsiteX3" fmla="*/ 9134854 w 9134854"/>
                  <a:gd name="connsiteY3" fmla="*/ 108961 h 421282"/>
                  <a:gd name="connsiteX0" fmla="*/ 0 w 9134854"/>
                  <a:gd name="connsiteY0" fmla="*/ 408689 h 408689"/>
                  <a:gd name="connsiteX1" fmla="*/ 4730836 w 9134854"/>
                  <a:gd name="connsiteY1" fmla="*/ 10513 h 408689"/>
                  <a:gd name="connsiteX2" fmla="*/ 6619664 w 9134854"/>
                  <a:gd name="connsiteY2" fmla="*/ 0 h 408689"/>
                  <a:gd name="connsiteX3" fmla="*/ 9134854 w 9134854"/>
                  <a:gd name="connsiteY3" fmla="*/ 96368 h 408689"/>
                  <a:gd name="connsiteX0" fmla="*/ 0 w 9132967"/>
                  <a:gd name="connsiteY0" fmla="*/ 408689 h 408689"/>
                  <a:gd name="connsiteX1" fmla="*/ 4730836 w 9132967"/>
                  <a:gd name="connsiteY1" fmla="*/ 10513 h 408689"/>
                  <a:gd name="connsiteX2" fmla="*/ 6619664 w 9132967"/>
                  <a:gd name="connsiteY2" fmla="*/ 0 h 408689"/>
                  <a:gd name="connsiteX3" fmla="*/ 9132967 w 9132967"/>
                  <a:gd name="connsiteY3" fmla="*/ 71182 h 408689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9132967" h="408689">
                    <a:moveTo>
                      <a:pt x="0" y="408689"/>
                    </a:moveTo>
                    <a:cubicBezTo>
                      <a:pt x="1238397" y="246964"/>
                      <a:pt x="3048428" y="39947"/>
                      <a:pt x="4730836" y="10513"/>
                    </a:cubicBezTo>
                    <a:lnTo>
                      <a:pt x="6619664" y="0"/>
                    </a:lnTo>
                    <a:lnTo>
                      <a:pt x="9132967" y="71182"/>
                    </a:lnTo>
                  </a:path>
                </a:pathLst>
              </a:custGeom>
              <a:solidFill>
                <a:srgbClr val="0F1D27"/>
              </a:solidFill>
              <a:ln>
                <a:noFill/>
              </a:ln>
              <a:effectLst/>
            </p:spPr>
            <p:style>
              <a:lnRef idx="2">
                <a:schemeClr val="accent1"/>
              </a:lnRef>
              <a:fillRef idx="0">
                <a:schemeClr val="accent1"/>
              </a:fillRef>
              <a:effectRef idx="1">
                <a:schemeClr val="accent1"/>
              </a:effectRef>
              <a:fontRef idx="minor">
                <a:schemeClr val="tx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grpSp>
            <p:nvGrpSpPr>
              <p:cNvPr id="28" name="Group 24"/>
              <p:cNvGrpSpPr>
                <a:grpSpLocks/>
              </p:cNvGrpSpPr>
              <p:nvPr/>
            </p:nvGrpSpPr>
            <p:grpSpPr bwMode="auto">
              <a:xfrm>
                <a:off x="0" y="5575300"/>
                <a:ext cx="9144000" cy="825500"/>
                <a:chOff x="106536600" y="113670343"/>
                <a:chExt cx="7300243" cy="825104"/>
              </a:xfrm>
            </p:grpSpPr>
            <p:sp>
              <p:nvSpPr>
                <p:cNvPr id="29" name="Freeform 25"/>
                <p:cNvSpPr>
                  <a:spLocks/>
                </p:cNvSpPr>
                <p:nvPr/>
              </p:nvSpPr>
              <p:spPr bwMode="auto">
                <a:xfrm>
                  <a:off x="106536600" y="113838364"/>
                  <a:ext cx="7300243" cy="657083"/>
                </a:xfrm>
                <a:custGeom>
                  <a:avLst/>
                  <a:gdLst/>
                  <a:ahLst/>
                  <a:cxnLst>
                    <a:cxn ang="0">
                      <a:pos x="0" y="145"/>
                    </a:cxn>
                    <a:cxn ang="0">
                      <a:pos x="2452" y="219"/>
                    </a:cxn>
                  </a:cxnLst>
                  <a:rect l="0" t="0" r="r" b="b"/>
                  <a:pathLst>
                    <a:path w="2452" h="219">
                      <a:moveTo>
                        <a:pt x="0" y="145"/>
                      </a:moveTo>
                      <a:cubicBezTo>
                        <a:pt x="950" y="0"/>
                        <a:pt x="1836" y="98"/>
                        <a:pt x="2452" y="219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30" name="Freeform 26"/>
                <p:cNvSpPr>
                  <a:spLocks/>
                </p:cNvSpPr>
                <p:nvPr/>
              </p:nvSpPr>
              <p:spPr bwMode="auto">
                <a:xfrm>
                  <a:off x="106536600" y="113808360"/>
                  <a:ext cx="7300243" cy="543069"/>
                </a:xfrm>
                <a:custGeom>
                  <a:avLst/>
                  <a:gdLst/>
                  <a:ahLst/>
                  <a:cxnLst>
                    <a:cxn ang="0">
                      <a:pos x="0" y="181"/>
                    </a:cxn>
                    <a:cxn ang="0">
                      <a:pos x="2452" y="165"/>
                    </a:cxn>
                  </a:cxnLst>
                  <a:rect l="0" t="0" r="r" b="b"/>
                  <a:pathLst>
                    <a:path w="2452" h="181">
                      <a:moveTo>
                        <a:pt x="0" y="181"/>
                      </a:moveTo>
                      <a:cubicBezTo>
                        <a:pt x="940" y="0"/>
                        <a:pt x="1828" y="65"/>
                        <a:pt x="2452" y="16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31" name="Freeform 27"/>
                <p:cNvSpPr>
                  <a:spLocks/>
                </p:cNvSpPr>
                <p:nvPr/>
              </p:nvSpPr>
              <p:spPr bwMode="auto">
                <a:xfrm>
                  <a:off x="106536600" y="113670343"/>
                  <a:ext cx="7300243" cy="543068"/>
                </a:xfrm>
                <a:custGeom>
                  <a:avLst/>
                  <a:gdLst/>
                  <a:ahLst/>
                  <a:cxnLst>
                    <a:cxn ang="0">
                      <a:pos x="2452" y="181"/>
                    </a:cxn>
                    <a:cxn ang="0">
                      <a:pos x="0" y="170"/>
                    </a:cxn>
                  </a:cxnLst>
                  <a:rect l="0" t="0" r="r" b="b"/>
                  <a:pathLst>
                    <a:path w="2452" h="181">
                      <a:moveTo>
                        <a:pt x="2452" y="181"/>
                      </a:moveTo>
                      <a:cubicBezTo>
                        <a:pt x="1828" y="74"/>
                        <a:pt x="942" y="0"/>
                        <a:pt x="0" y="170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32" name="Freeform 29"/>
                <p:cNvSpPr>
                  <a:spLocks/>
                </p:cNvSpPr>
                <p:nvPr/>
              </p:nvSpPr>
              <p:spPr bwMode="auto">
                <a:xfrm>
                  <a:off x="106536600" y="113895371"/>
                  <a:ext cx="7300243" cy="546069"/>
                </a:xfrm>
                <a:custGeom>
                  <a:avLst/>
                  <a:gdLst/>
                  <a:ahLst/>
                  <a:cxnLst>
                    <a:cxn ang="0">
                      <a:pos x="0" y="170"/>
                    </a:cxn>
                    <a:cxn ang="0">
                      <a:pos x="2452" y="182"/>
                    </a:cxn>
                  </a:cxnLst>
                  <a:rect l="0" t="0" r="r" b="b"/>
                  <a:pathLst>
                    <a:path w="2452" h="182">
                      <a:moveTo>
                        <a:pt x="0" y="170"/>
                      </a:moveTo>
                      <a:cubicBezTo>
                        <a:pt x="942" y="0"/>
                        <a:pt x="1829" y="75"/>
                        <a:pt x="2452" y="182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33" name="Freeform 28"/>
                <p:cNvSpPr>
                  <a:spLocks/>
                </p:cNvSpPr>
                <p:nvPr/>
              </p:nvSpPr>
              <p:spPr bwMode="auto">
                <a:xfrm>
                  <a:off x="106536600" y="113781357"/>
                  <a:ext cx="7300243" cy="555070"/>
                </a:xfrm>
                <a:custGeom>
                  <a:avLst/>
                  <a:gdLst/>
                  <a:ahLst/>
                  <a:cxnLst>
                    <a:cxn ang="0">
                      <a:pos x="0" y="167"/>
                    </a:cxn>
                    <a:cxn ang="0">
                      <a:pos x="2452" y="185"/>
                    </a:cxn>
                  </a:cxnLst>
                  <a:rect l="0" t="0" r="r" b="b"/>
                  <a:pathLst>
                    <a:path w="2452" h="185">
                      <a:moveTo>
                        <a:pt x="0" y="167"/>
                      </a:moveTo>
                      <a:cubicBezTo>
                        <a:pt x="943" y="0"/>
                        <a:pt x="1829" y="77"/>
                        <a:pt x="2452" y="18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</p:grpSp>
        </p:grpSp>
      </p:grpSp>
    </p:spTree>
    <p:extLst>
      <p:ext uri="{BB962C8B-B14F-4D97-AF65-F5344CB8AC3E}">
        <p14:creationId xmlns:p14="http://schemas.microsoft.com/office/powerpoint/2010/main" val="219071994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Content Styl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423020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1_Content Styl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0"/>
          </p:nvPr>
        </p:nvSpPr>
        <p:spPr>
          <a:xfrm>
            <a:off x="533400" y="1447800"/>
            <a:ext cx="7848600" cy="457200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7329927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ection Style 2 with Pic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icture Placeholder 6"/>
          <p:cNvSpPr>
            <a:spLocks noGrp="1"/>
          </p:cNvSpPr>
          <p:nvPr>
            <p:ph type="pic" sz="quarter" idx="13"/>
          </p:nvPr>
        </p:nvSpPr>
        <p:spPr>
          <a:xfrm>
            <a:off x="0" y="3492500"/>
            <a:ext cx="9115425" cy="2857500"/>
          </a:xfrm>
        </p:spPr>
        <p:txBody>
          <a:bodyPr/>
          <a:lstStyle>
            <a:lvl1pPr>
              <a:defRPr>
                <a:solidFill>
                  <a:srgbClr val="0F1D27"/>
                </a:solidFill>
              </a:defRPr>
            </a:lvl1pPr>
          </a:lstStyle>
          <a:p>
            <a:r>
              <a:rPr lang="en-US" dirty="0" smtClean="0"/>
              <a:t>Click icon to add picture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1" y="767329"/>
            <a:ext cx="9116032" cy="1891862"/>
          </a:xfrm>
          <a:prstGeom prst="rect">
            <a:avLst/>
          </a:prstGeom>
        </p:spPr>
        <p:txBody>
          <a:bodyPr/>
          <a:lstStyle>
            <a:lvl1pPr>
              <a:defRPr>
                <a:solidFill>
                  <a:srgbClr val="0F1D27"/>
                </a:solidFill>
              </a:defRPr>
            </a:lvl1pPr>
          </a:lstStyle>
          <a:p>
            <a:r>
              <a:rPr lang="en-US" dirty="0" smtClean="0"/>
              <a:t>Click to edit Section Title</a:t>
            </a:r>
            <a:endParaRPr lang="en-US" dirty="0"/>
          </a:p>
        </p:txBody>
      </p:sp>
      <p:grpSp>
        <p:nvGrpSpPr>
          <p:cNvPr id="8" name="Group 7"/>
          <p:cNvGrpSpPr/>
          <p:nvPr userDrawn="1"/>
        </p:nvGrpSpPr>
        <p:grpSpPr>
          <a:xfrm>
            <a:off x="-4" y="5575300"/>
            <a:ext cx="9144004" cy="1282701"/>
            <a:chOff x="-4" y="5575300"/>
            <a:chExt cx="9144004" cy="1282701"/>
          </a:xfrm>
        </p:grpSpPr>
        <p:sp>
          <p:nvSpPr>
            <p:cNvPr id="9" name="Rectangle 8"/>
            <p:cNvSpPr/>
            <p:nvPr/>
          </p:nvSpPr>
          <p:spPr>
            <a:xfrm>
              <a:off x="7176151" y="6298295"/>
              <a:ext cx="1627971" cy="147993"/>
            </a:xfrm>
            <a:prstGeom prst="rect">
              <a:avLst/>
            </a:prstGeom>
            <a:solidFill>
              <a:srgbClr val="0F1D27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grpSp>
          <p:nvGrpSpPr>
            <p:cNvPr id="10" name="Group 9"/>
            <p:cNvGrpSpPr/>
            <p:nvPr/>
          </p:nvGrpSpPr>
          <p:grpSpPr>
            <a:xfrm>
              <a:off x="-4" y="5575300"/>
              <a:ext cx="9144004" cy="1282701"/>
              <a:chOff x="-4" y="5575300"/>
              <a:chExt cx="9144004" cy="1282701"/>
            </a:xfrm>
          </p:grpSpPr>
          <p:sp>
            <p:nvSpPr>
              <p:cNvPr id="11" name="Rectangle 10"/>
              <p:cNvSpPr/>
              <p:nvPr/>
            </p:nvSpPr>
            <p:spPr bwMode="auto">
              <a:xfrm>
                <a:off x="6055366" y="6308620"/>
                <a:ext cx="3088634" cy="549381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12" name="Rectangle 11"/>
              <p:cNvSpPr/>
              <p:nvPr/>
            </p:nvSpPr>
            <p:spPr bwMode="auto">
              <a:xfrm>
                <a:off x="0" y="6283569"/>
                <a:ext cx="7189330" cy="574431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13" name="Freeform 12"/>
              <p:cNvSpPr/>
              <p:nvPr/>
            </p:nvSpPr>
            <p:spPr bwMode="auto">
              <a:xfrm rot="185474">
                <a:off x="-4" y="5964264"/>
                <a:ext cx="9133386" cy="566342"/>
              </a:xfrm>
              <a:custGeom>
                <a:avLst/>
                <a:gdLst>
                  <a:gd name="connsiteX0" fmla="*/ 0 w 10561745"/>
                  <a:gd name="connsiteY0" fmla="*/ 675428 h 970274"/>
                  <a:gd name="connsiteX1" fmla="*/ 4070929 w 10561745"/>
                  <a:gd name="connsiteY1" fmla="*/ 17695 h 970274"/>
                  <a:gd name="connsiteX2" fmla="*/ 10080937 w 10561745"/>
                  <a:gd name="connsiteY2" fmla="*/ 255840 h 970274"/>
                  <a:gd name="connsiteX3" fmla="*/ 10182994 w 10561745"/>
                  <a:gd name="connsiteY3" fmla="*/ 970274 h 970274"/>
                  <a:gd name="connsiteX0" fmla="*/ 0 w 10507791"/>
                  <a:gd name="connsiteY0" fmla="*/ 733012 h 1027858"/>
                  <a:gd name="connsiteX1" fmla="*/ 4802449 w 10507791"/>
                  <a:gd name="connsiteY1" fmla="*/ 14319 h 1027858"/>
                  <a:gd name="connsiteX2" fmla="*/ 10080937 w 10507791"/>
                  <a:gd name="connsiteY2" fmla="*/ 313424 h 1027858"/>
                  <a:gd name="connsiteX3" fmla="*/ 10182994 w 10507791"/>
                  <a:gd name="connsiteY3" fmla="*/ 1027858 h 1027858"/>
                  <a:gd name="connsiteX0" fmla="*/ 0 w 10476931"/>
                  <a:gd name="connsiteY0" fmla="*/ 791442 h 1086288"/>
                  <a:gd name="connsiteX1" fmla="*/ 5221310 w 10476931"/>
                  <a:gd name="connsiteY1" fmla="*/ 12005 h 1086288"/>
                  <a:gd name="connsiteX2" fmla="*/ 10080937 w 10476931"/>
                  <a:gd name="connsiteY2" fmla="*/ 371854 h 1086288"/>
                  <a:gd name="connsiteX3" fmla="*/ 10182994 w 10476931"/>
                  <a:gd name="connsiteY3" fmla="*/ 1086288 h 1086288"/>
                  <a:gd name="connsiteX0" fmla="*/ 0 w 10503954"/>
                  <a:gd name="connsiteY0" fmla="*/ 477006 h 1075579"/>
                  <a:gd name="connsiteX1" fmla="*/ 5248333 w 10503954"/>
                  <a:gd name="connsiteY1" fmla="*/ 1296 h 1075579"/>
                  <a:gd name="connsiteX2" fmla="*/ 10107960 w 10503954"/>
                  <a:gd name="connsiteY2" fmla="*/ 361145 h 1075579"/>
                  <a:gd name="connsiteX3" fmla="*/ 10210017 w 10503954"/>
                  <a:gd name="connsiteY3" fmla="*/ 1075579 h 1075579"/>
                  <a:gd name="connsiteX0" fmla="*/ 0 w 11223390"/>
                  <a:gd name="connsiteY0" fmla="*/ 476773 h 783769"/>
                  <a:gd name="connsiteX1" fmla="*/ 5248333 w 11223390"/>
                  <a:gd name="connsiteY1" fmla="*/ 1063 h 783769"/>
                  <a:gd name="connsiteX2" fmla="*/ 10107960 w 11223390"/>
                  <a:gd name="connsiteY2" fmla="*/ 360912 h 783769"/>
                  <a:gd name="connsiteX3" fmla="*/ 11223390 w 11223390"/>
                  <a:gd name="connsiteY3" fmla="*/ 783769 h 783769"/>
                  <a:gd name="connsiteX0" fmla="*/ 0 w 11466599"/>
                  <a:gd name="connsiteY0" fmla="*/ 477054 h 1124222"/>
                  <a:gd name="connsiteX1" fmla="*/ 5248333 w 11466599"/>
                  <a:gd name="connsiteY1" fmla="*/ 1344 h 1124222"/>
                  <a:gd name="connsiteX2" fmla="*/ 10107960 w 11466599"/>
                  <a:gd name="connsiteY2" fmla="*/ 361193 h 1124222"/>
                  <a:gd name="connsiteX3" fmla="*/ 11466599 w 11466599"/>
                  <a:gd name="connsiteY3" fmla="*/ 1124223 h 1124222"/>
                  <a:gd name="connsiteX0" fmla="*/ 0 w 11466599"/>
                  <a:gd name="connsiteY0" fmla="*/ 479597 h 1126766"/>
                  <a:gd name="connsiteX1" fmla="*/ 5248333 w 11466599"/>
                  <a:gd name="connsiteY1" fmla="*/ 3887 h 1126766"/>
                  <a:gd name="connsiteX2" fmla="*/ 10094449 w 11466599"/>
                  <a:gd name="connsiteY2" fmla="*/ 302991 h 1126766"/>
                  <a:gd name="connsiteX3" fmla="*/ 11466599 w 11466599"/>
                  <a:gd name="connsiteY3" fmla="*/ 1126766 h 1126766"/>
                  <a:gd name="connsiteX0" fmla="*/ 0 w 11385529"/>
                  <a:gd name="connsiteY0" fmla="*/ 481146 h 1444191"/>
                  <a:gd name="connsiteX1" fmla="*/ 5248333 w 11385529"/>
                  <a:gd name="connsiteY1" fmla="*/ 5436 h 1444191"/>
                  <a:gd name="connsiteX2" fmla="*/ 10094449 w 11385529"/>
                  <a:gd name="connsiteY2" fmla="*/ 304540 h 1444191"/>
                  <a:gd name="connsiteX3" fmla="*/ 11385529 w 11385529"/>
                  <a:gd name="connsiteY3" fmla="*/ 1444190 h 1444191"/>
                  <a:gd name="connsiteX0" fmla="*/ 0 w 10094449"/>
                  <a:gd name="connsiteY0" fmla="*/ 481146 h 481146"/>
                  <a:gd name="connsiteX1" fmla="*/ 5248333 w 10094449"/>
                  <a:gd name="connsiteY1" fmla="*/ 5436 h 481146"/>
                  <a:gd name="connsiteX2" fmla="*/ 10094449 w 10094449"/>
                  <a:gd name="connsiteY2" fmla="*/ 304540 h 481146"/>
                  <a:gd name="connsiteX0" fmla="*/ 0 w 9624267"/>
                  <a:gd name="connsiteY0" fmla="*/ 488689 h 488689"/>
                  <a:gd name="connsiteX1" fmla="*/ 5248333 w 9624267"/>
                  <a:gd name="connsiteY1" fmla="*/ 12979 h 488689"/>
                  <a:gd name="connsiteX2" fmla="*/ 9624267 w 9624267"/>
                  <a:gd name="connsiteY2" fmla="*/ 225238 h 488689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5343"/>
                  <a:gd name="connsiteY0" fmla="*/ 430221 h 430221"/>
                  <a:gd name="connsiteX1" fmla="*/ 4729409 w 9105343"/>
                  <a:gd name="connsiteY1" fmla="*/ 12979 h 430221"/>
                  <a:gd name="connsiteX2" fmla="*/ 9105343 w 9105343"/>
                  <a:gd name="connsiteY2" fmla="*/ 225238 h 430221"/>
                  <a:gd name="connsiteX0" fmla="*/ 0 w 9106770"/>
                  <a:gd name="connsiteY0" fmla="*/ 411155 h 411155"/>
                  <a:gd name="connsiteX1" fmla="*/ 4730836 w 9106770"/>
                  <a:gd name="connsiteY1" fmla="*/ 12979 h 411155"/>
                  <a:gd name="connsiteX2" fmla="*/ 9106770 w 9106770"/>
                  <a:gd name="connsiteY2" fmla="*/ 225238 h 411155"/>
                  <a:gd name="connsiteX0" fmla="*/ 0 w 9134854"/>
                  <a:gd name="connsiteY0" fmla="*/ 456708 h 456708"/>
                  <a:gd name="connsiteX1" fmla="*/ 4730836 w 9134854"/>
                  <a:gd name="connsiteY1" fmla="*/ 58532 h 456708"/>
                  <a:gd name="connsiteX2" fmla="*/ 9134854 w 9134854"/>
                  <a:gd name="connsiteY2" fmla="*/ 144387 h 456708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9134854 w 9134854"/>
                  <a:gd name="connsiteY2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421282 h 421282"/>
                  <a:gd name="connsiteX1" fmla="*/ 4730836 w 9134854"/>
                  <a:gd name="connsiteY1" fmla="*/ 23106 h 421282"/>
                  <a:gd name="connsiteX2" fmla="*/ 6618721 w 9134854"/>
                  <a:gd name="connsiteY2" fmla="*/ 0 h 421282"/>
                  <a:gd name="connsiteX3" fmla="*/ 9134854 w 9134854"/>
                  <a:gd name="connsiteY3" fmla="*/ 108961 h 421282"/>
                  <a:gd name="connsiteX0" fmla="*/ 0 w 9134854"/>
                  <a:gd name="connsiteY0" fmla="*/ 408689 h 408689"/>
                  <a:gd name="connsiteX1" fmla="*/ 4730836 w 9134854"/>
                  <a:gd name="connsiteY1" fmla="*/ 10513 h 408689"/>
                  <a:gd name="connsiteX2" fmla="*/ 6619664 w 9134854"/>
                  <a:gd name="connsiteY2" fmla="*/ 0 h 408689"/>
                  <a:gd name="connsiteX3" fmla="*/ 9134854 w 9134854"/>
                  <a:gd name="connsiteY3" fmla="*/ 96368 h 408689"/>
                  <a:gd name="connsiteX0" fmla="*/ 0 w 9132967"/>
                  <a:gd name="connsiteY0" fmla="*/ 408689 h 408689"/>
                  <a:gd name="connsiteX1" fmla="*/ 4730836 w 9132967"/>
                  <a:gd name="connsiteY1" fmla="*/ 10513 h 408689"/>
                  <a:gd name="connsiteX2" fmla="*/ 6619664 w 9132967"/>
                  <a:gd name="connsiteY2" fmla="*/ 0 h 408689"/>
                  <a:gd name="connsiteX3" fmla="*/ 9132967 w 9132967"/>
                  <a:gd name="connsiteY3" fmla="*/ 71182 h 408689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9132967" h="408689">
                    <a:moveTo>
                      <a:pt x="0" y="408689"/>
                    </a:moveTo>
                    <a:cubicBezTo>
                      <a:pt x="1238397" y="246964"/>
                      <a:pt x="3048428" y="39947"/>
                      <a:pt x="4730836" y="10513"/>
                    </a:cubicBezTo>
                    <a:lnTo>
                      <a:pt x="6619664" y="0"/>
                    </a:lnTo>
                    <a:lnTo>
                      <a:pt x="9132967" y="71182"/>
                    </a:lnTo>
                  </a:path>
                </a:pathLst>
              </a:custGeom>
              <a:solidFill>
                <a:srgbClr val="0F1D27"/>
              </a:solidFill>
              <a:ln>
                <a:noFill/>
              </a:ln>
              <a:effectLst/>
            </p:spPr>
            <p:style>
              <a:lnRef idx="2">
                <a:schemeClr val="accent1"/>
              </a:lnRef>
              <a:fillRef idx="0">
                <a:schemeClr val="accent1"/>
              </a:fillRef>
              <a:effectRef idx="1">
                <a:schemeClr val="accent1"/>
              </a:effectRef>
              <a:fontRef idx="minor">
                <a:schemeClr val="tx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grpSp>
            <p:nvGrpSpPr>
              <p:cNvPr id="14" name="Group 24"/>
              <p:cNvGrpSpPr>
                <a:grpSpLocks/>
              </p:cNvGrpSpPr>
              <p:nvPr/>
            </p:nvGrpSpPr>
            <p:grpSpPr bwMode="auto">
              <a:xfrm>
                <a:off x="0" y="5575300"/>
                <a:ext cx="9144000" cy="825500"/>
                <a:chOff x="106536600" y="113670343"/>
                <a:chExt cx="7300243" cy="825104"/>
              </a:xfrm>
            </p:grpSpPr>
            <p:sp>
              <p:nvSpPr>
                <p:cNvPr id="15" name="Freeform 25"/>
                <p:cNvSpPr>
                  <a:spLocks/>
                </p:cNvSpPr>
                <p:nvPr/>
              </p:nvSpPr>
              <p:spPr bwMode="auto">
                <a:xfrm>
                  <a:off x="106536600" y="113838364"/>
                  <a:ext cx="7300243" cy="657083"/>
                </a:xfrm>
                <a:custGeom>
                  <a:avLst/>
                  <a:gdLst/>
                  <a:ahLst/>
                  <a:cxnLst>
                    <a:cxn ang="0">
                      <a:pos x="0" y="145"/>
                    </a:cxn>
                    <a:cxn ang="0">
                      <a:pos x="2452" y="219"/>
                    </a:cxn>
                  </a:cxnLst>
                  <a:rect l="0" t="0" r="r" b="b"/>
                  <a:pathLst>
                    <a:path w="2452" h="219">
                      <a:moveTo>
                        <a:pt x="0" y="145"/>
                      </a:moveTo>
                      <a:cubicBezTo>
                        <a:pt x="950" y="0"/>
                        <a:pt x="1836" y="98"/>
                        <a:pt x="2452" y="219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16" name="Freeform 26"/>
                <p:cNvSpPr>
                  <a:spLocks/>
                </p:cNvSpPr>
                <p:nvPr/>
              </p:nvSpPr>
              <p:spPr bwMode="auto">
                <a:xfrm>
                  <a:off x="106536600" y="113808360"/>
                  <a:ext cx="7300243" cy="543069"/>
                </a:xfrm>
                <a:custGeom>
                  <a:avLst/>
                  <a:gdLst/>
                  <a:ahLst/>
                  <a:cxnLst>
                    <a:cxn ang="0">
                      <a:pos x="0" y="181"/>
                    </a:cxn>
                    <a:cxn ang="0">
                      <a:pos x="2452" y="165"/>
                    </a:cxn>
                  </a:cxnLst>
                  <a:rect l="0" t="0" r="r" b="b"/>
                  <a:pathLst>
                    <a:path w="2452" h="181">
                      <a:moveTo>
                        <a:pt x="0" y="181"/>
                      </a:moveTo>
                      <a:cubicBezTo>
                        <a:pt x="940" y="0"/>
                        <a:pt x="1828" y="65"/>
                        <a:pt x="2452" y="16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17" name="Freeform 27"/>
                <p:cNvSpPr>
                  <a:spLocks/>
                </p:cNvSpPr>
                <p:nvPr/>
              </p:nvSpPr>
              <p:spPr bwMode="auto">
                <a:xfrm>
                  <a:off x="106536600" y="113670343"/>
                  <a:ext cx="7300243" cy="543068"/>
                </a:xfrm>
                <a:custGeom>
                  <a:avLst/>
                  <a:gdLst/>
                  <a:ahLst/>
                  <a:cxnLst>
                    <a:cxn ang="0">
                      <a:pos x="2452" y="181"/>
                    </a:cxn>
                    <a:cxn ang="0">
                      <a:pos x="0" y="170"/>
                    </a:cxn>
                  </a:cxnLst>
                  <a:rect l="0" t="0" r="r" b="b"/>
                  <a:pathLst>
                    <a:path w="2452" h="181">
                      <a:moveTo>
                        <a:pt x="2452" y="181"/>
                      </a:moveTo>
                      <a:cubicBezTo>
                        <a:pt x="1828" y="74"/>
                        <a:pt x="942" y="0"/>
                        <a:pt x="0" y="170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18" name="Freeform 29"/>
                <p:cNvSpPr>
                  <a:spLocks/>
                </p:cNvSpPr>
                <p:nvPr/>
              </p:nvSpPr>
              <p:spPr bwMode="auto">
                <a:xfrm>
                  <a:off x="106536600" y="113895371"/>
                  <a:ext cx="7300243" cy="546069"/>
                </a:xfrm>
                <a:custGeom>
                  <a:avLst/>
                  <a:gdLst/>
                  <a:ahLst/>
                  <a:cxnLst>
                    <a:cxn ang="0">
                      <a:pos x="0" y="170"/>
                    </a:cxn>
                    <a:cxn ang="0">
                      <a:pos x="2452" y="182"/>
                    </a:cxn>
                  </a:cxnLst>
                  <a:rect l="0" t="0" r="r" b="b"/>
                  <a:pathLst>
                    <a:path w="2452" h="182">
                      <a:moveTo>
                        <a:pt x="0" y="170"/>
                      </a:moveTo>
                      <a:cubicBezTo>
                        <a:pt x="942" y="0"/>
                        <a:pt x="1829" y="75"/>
                        <a:pt x="2452" y="182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19" name="Freeform 28"/>
                <p:cNvSpPr>
                  <a:spLocks/>
                </p:cNvSpPr>
                <p:nvPr/>
              </p:nvSpPr>
              <p:spPr bwMode="auto">
                <a:xfrm>
                  <a:off x="106536600" y="113781357"/>
                  <a:ext cx="7300243" cy="555070"/>
                </a:xfrm>
                <a:custGeom>
                  <a:avLst/>
                  <a:gdLst/>
                  <a:ahLst/>
                  <a:cxnLst>
                    <a:cxn ang="0">
                      <a:pos x="0" y="167"/>
                    </a:cxn>
                    <a:cxn ang="0">
                      <a:pos x="2452" y="185"/>
                    </a:cxn>
                  </a:cxnLst>
                  <a:rect l="0" t="0" r="r" b="b"/>
                  <a:pathLst>
                    <a:path w="2452" h="185">
                      <a:moveTo>
                        <a:pt x="0" y="167"/>
                      </a:moveTo>
                      <a:cubicBezTo>
                        <a:pt x="943" y="0"/>
                        <a:pt x="1829" y="77"/>
                        <a:pt x="2452" y="18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</p:grpSp>
        </p:grpSp>
      </p:grpSp>
    </p:spTree>
    <p:extLst>
      <p:ext uri="{BB962C8B-B14F-4D97-AF65-F5344CB8AC3E}">
        <p14:creationId xmlns:p14="http://schemas.microsoft.com/office/powerpoint/2010/main" val="367283624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Content Styl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Group 4"/>
          <p:cNvGrpSpPr/>
          <p:nvPr userDrawn="1"/>
        </p:nvGrpSpPr>
        <p:grpSpPr>
          <a:xfrm>
            <a:off x="-4" y="6001193"/>
            <a:ext cx="9144004" cy="955306"/>
            <a:chOff x="-4" y="6001193"/>
            <a:chExt cx="9144004" cy="955306"/>
          </a:xfrm>
        </p:grpSpPr>
        <p:sp>
          <p:nvSpPr>
            <p:cNvPr id="18" name="Rectangle 17"/>
            <p:cNvSpPr/>
            <p:nvPr/>
          </p:nvSpPr>
          <p:spPr>
            <a:xfrm>
              <a:off x="7176151" y="6724189"/>
              <a:ext cx="1627971" cy="133812"/>
            </a:xfrm>
            <a:prstGeom prst="rect">
              <a:avLst/>
            </a:prstGeom>
            <a:solidFill>
              <a:srgbClr val="0F1D27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grpSp>
          <p:nvGrpSpPr>
            <p:cNvPr id="4" name="Group 3"/>
            <p:cNvGrpSpPr/>
            <p:nvPr userDrawn="1"/>
          </p:nvGrpSpPr>
          <p:grpSpPr>
            <a:xfrm>
              <a:off x="-4" y="6001193"/>
              <a:ext cx="9144004" cy="955306"/>
              <a:chOff x="-4" y="6001193"/>
              <a:chExt cx="9144004" cy="955306"/>
            </a:xfrm>
          </p:grpSpPr>
          <p:sp>
            <p:nvSpPr>
              <p:cNvPr id="32" name="Rectangle 31"/>
              <p:cNvSpPr/>
              <p:nvPr userDrawn="1"/>
            </p:nvSpPr>
            <p:spPr bwMode="auto">
              <a:xfrm>
                <a:off x="6055366" y="6734513"/>
                <a:ext cx="3088634" cy="123487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33" name="Rectangle 32"/>
              <p:cNvSpPr/>
              <p:nvPr userDrawn="1"/>
            </p:nvSpPr>
            <p:spPr bwMode="auto">
              <a:xfrm>
                <a:off x="0" y="6709463"/>
                <a:ext cx="7189330" cy="148538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34" name="Freeform 33"/>
              <p:cNvSpPr/>
              <p:nvPr/>
            </p:nvSpPr>
            <p:spPr bwMode="auto">
              <a:xfrm rot="185474">
                <a:off x="-4" y="6390157"/>
                <a:ext cx="9133386" cy="566342"/>
              </a:xfrm>
              <a:custGeom>
                <a:avLst/>
                <a:gdLst>
                  <a:gd name="connsiteX0" fmla="*/ 0 w 10561745"/>
                  <a:gd name="connsiteY0" fmla="*/ 675428 h 970274"/>
                  <a:gd name="connsiteX1" fmla="*/ 4070929 w 10561745"/>
                  <a:gd name="connsiteY1" fmla="*/ 17695 h 970274"/>
                  <a:gd name="connsiteX2" fmla="*/ 10080937 w 10561745"/>
                  <a:gd name="connsiteY2" fmla="*/ 255840 h 970274"/>
                  <a:gd name="connsiteX3" fmla="*/ 10182994 w 10561745"/>
                  <a:gd name="connsiteY3" fmla="*/ 970274 h 970274"/>
                  <a:gd name="connsiteX0" fmla="*/ 0 w 10507791"/>
                  <a:gd name="connsiteY0" fmla="*/ 733012 h 1027858"/>
                  <a:gd name="connsiteX1" fmla="*/ 4802449 w 10507791"/>
                  <a:gd name="connsiteY1" fmla="*/ 14319 h 1027858"/>
                  <a:gd name="connsiteX2" fmla="*/ 10080937 w 10507791"/>
                  <a:gd name="connsiteY2" fmla="*/ 313424 h 1027858"/>
                  <a:gd name="connsiteX3" fmla="*/ 10182994 w 10507791"/>
                  <a:gd name="connsiteY3" fmla="*/ 1027858 h 1027858"/>
                  <a:gd name="connsiteX0" fmla="*/ 0 w 10476931"/>
                  <a:gd name="connsiteY0" fmla="*/ 791442 h 1086288"/>
                  <a:gd name="connsiteX1" fmla="*/ 5221310 w 10476931"/>
                  <a:gd name="connsiteY1" fmla="*/ 12005 h 1086288"/>
                  <a:gd name="connsiteX2" fmla="*/ 10080937 w 10476931"/>
                  <a:gd name="connsiteY2" fmla="*/ 371854 h 1086288"/>
                  <a:gd name="connsiteX3" fmla="*/ 10182994 w 10476931"/>
                  <a:gd name="connsiteY3" fmla="*/ 1086288 h 1086288"/>
                  <a:gd name="connsiteX0" fmla="*/ 0 w 10503954"/>
                  <a:gd name="connsiteY0" fmla="*/ 477006 h 1075579"/>
                  <a:gd name="connsiteX1" fmla="*/ 5248333 w 10503954"/>
                  <a:gd name="connsiteY1" fmla="*/ 1296 h 1075579"/>
                  <a:gd name="connsiteX2" fmla="*/ 10107960 w 10503954"/>
                  <a:gd name="connsiteY2" fmla="*/ 361145 h 1075579"/>
                  <a:gd name="connsiteX3" fmla="*/ 10210017 w 10503954"/>
                  <a:gd name="connsiteY3" fmla="*/ 1075579 h 1075579"/>
                  <a:gd name="connsiteX0" fmla="*/ 0 w 11223390"/>
                  <a:gd name="connsiteY0" fmla="*/ 476773 h 783769"/>
                  <a:gd name="connsiteX1" fmla="*/ 5248333 w 11223390"/>
                  <a:gd name="connsiteY1" fmla="*/ 1063 h 783769"/>
                  <a:gd name="connsiteX2" fmla="*/ 10107960 w 11223390"/>
                  <a:gd name="connsiteY2" fmla="*/ 360912 h 783769"/>
                  <a:gd name="connsiteX3" fmla="*/ 11223390 w 11223390"/>
                  <a:gd name="connsiteY3" fmla="*/ 783769 h 783769"/>
                  <a:gd name="connsiteX0" fmla="*/ 0 w 11466599"/>
                  <a:gd name="connsiteY0" fmla="*/ 477054 h 1124222"/>
                  <a:gd name="connsiteX1" fmla="*/ 5248333 w 11466599"/>
                  <a:gd name="connsiteY1" fmla="*/ 1344 h 1124222"/>
                  <a:gd name="connsiteX2" fmla="*/ 10107960 w 11466599"/>
                  <a:gd name="connsiteY2" fmla="*/ 361193 h 1124222"/>
                  <a:gd name="connsiteX3" fmla="*/ 11466599 w 11466599"/>
                  <a:gd name="connsiteY3" fmla="*/ 1124223 h 1124222"/>
                  <a:gd name="connsiteX0" fmla="*/ 0 w 11466599"/>
                  <a:gd name="connsiteY0" fmla="*/ 479597 h 1126766"/>
                  <a:gd name="connsiteX1" fmla="*/ 5248333 w 11466599"/>
                  <a:gd name="connsiteY1" fmla="*/ 3887 h 1126766"/>
                  <a:gd name="connsiteX2" fmla="*/ 10094449 w 11466599"/>
                  <a:gd name="connsiteY2" fmla="*/ 302991 h 1126766"/>
                  <a:gd name="connsiteX3" fmla="*/ 11466599 w 11466599"/>
                  <a:gd name="connsiteY3" fmla="*/ 1126766 h 1126766"/>
                  <a:gd name="connsiteX0" fmla="*/ 0 w 11385529"/>
                  <a:gd name="connsiteY0" fmla="*/ 481146 h 1444191"/>
                  <a:gd name="connsiteX1" fmla="*/ 5248333 w 11385529"/>
                  <a:gd name="connsiteY1" fmla="*/ 5436 h 1444191"/>
                  <a:gd name="connsiteX2" fmla="*/ 10094449 w 11385529"/>
                  <a:gd name="connsiteY2" fmla="*/ 304540 h 1444191"/>
                  <a:gd name="connsiteX3" fmla="*/ 11385529 w 11385529"/>
                  <a:gd name="connsiteY3" fmla="*/ 1444190 h 1444191"/>
                  <a:gd name="connsiteX0" fmla="*/ 0 w 10094449"/>
                  <a:gd name="connsiteY0" fmla="*/ 481146 h 481146"/>
                  <a:gd name="connsiteX1" fmla="*/ 5248333 w 10094449"/>
                  <a:gd name="connsiteY1" fmla="*/ 5436 h 481146"/>
                  <a:gd name="connsiteX2" fmla="*/ 10094449 w 10094449"/>
                  <a:gd name="connsiteY2" fmla="*/ 304540 h 481146"/>
                  <a:gd name="connsiteX0" fmla="*/ 0 w 9624267"/>
                  <a:gd name="connsiteY0" fmla="*/ 488689 h 488689"/>
                  <a:gd name="connsiteX1" fmla="*/ 5248333 w 9624267"/>
                  <a:gd name="connsiteY1" fmla="*/ 12979 h 488689"/>
                  <a:gd name="connsiteX2" fmla="*/ 9624267 w 9624267"/>
                  <a:gd name="connsiteY2" fmla="*/ 225238 h 488689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5343"/>
                  <a:gd name="connsiteY0" fmla="*/ 430221 h 430221"/>
                  <a:gd name="connsiteX1" fmla="*/ 4729409 w 9105343"/>
                  <a:gd name="connsiteY1" fmla="*/ 12979 h 430221"/>
                  <a:gd name="connsiteX2" fmla="*/ 9105343 w 9105343"/>
                  <a:gd name="connsiteY2" fmla="*/ 225238 h 430221"/>
                  <a:gd name="connsiteX0" fmla="*/ 0 w 9106770"/>
                  <a:gd name="connsiteY0" fmla="*/ 411155 h 411155"/>
                  <a:gd name="connsiteX1" fmla="*/ 4730836 w 9106770"/>
                  <a:gd name="connsiteY1" fmla="*/ 12979 h 411155"/>
                  <a:gd name="connsiteX2" fmla="*/ 9106770 w 9106770"/>
                  <a:gd name="connsiteY2" fmla="*/ 225238 h 411155"/>
                  <a:gd name="connsiteX0" fmla="*/ 0 w 9134854"/>
                  <a:gd name="connsiteY0" fmla="*/ 456708 h 456708"/>
                  <a:gd name="connsiteX1" fmla="*/ 4730836 w 9134854"/>
                  <a:gd name="connsiteY1" fmla="*/ 58532 h 456708"/>
                  <a:gd name="connsiteX2" fmla="*/ 9134854 w 9134854"/>
                  <a:gd name="connsiteY2" fmla="*/ 144387 h 456708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9134854 w 9134854"/>
                  <a:gd name="connsiteY2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421282 h 421282"/>
                  <a:gd name="connsiteX1" fmla="*/ 4730836 w 9134854"/>
                  <a:gd name="connsiteY1" fmla="*/ 23106 h 421282"/>
                  <a:gd name="connsiteX2" fmla="*/ 6618721 w 9134854"/>
                  <a:gd name="connsiteY2" fmla="*/ 0 h 421282"/>
                  <a:gd name="connsiteX3" fmla="*/ 9134854 w 9134854"/>
                  <a:gd name="connsiteY3" fmla="*/ 108961 h 421282"/>
                  <a:gd name="connsiteX0" fmla="*/ 0 w 9134854"/>
                  <a:gd name="connsiteY0" fmla="*/ 408689 h 408689"/>
                  <a:gd name="connsiteX1" fmla="*/ 4730836 w 9134854"/>
                  <a:gd name="connsiteY1" fmla="*/ 10513 h 408689"/>
                  <a:gd name="connsiteX2" fmla="*/ 6619664 w 9134854"/>
                  <a:gd name="connsiteY2" fmla="*/ 0 h 408689"/>
                  <a:gd name="connsiteX3" fmla="*/ 9134854 w 9134854"/>
                  <a:gd name="connsiteY3" fmla="*/ 96368 h 408689"/>
                  <a:gd name="connsiteX0" fmla="*/ 0 w 9132967"/>
                  <a:gd name="connsiteY0" fmla="*/ 408689 h 408689"/>
                  <a:gd name="connsiteX1" fmla="*/ 4730836 w 9132967"/>
                  <a:gd name="connsiteY1" fmla="*/ 10513 h 408689"/>
                  <a:gd name="connsiteX2" fmla="*/ 6619664 w 9132967"/>
                  <a:gd name="connsiteY2" fmla="*/ 0 h 408689"/>
                  <a:gd name="connsiteX3" fmla="*/ 9132967 w 9132967"/>
                  <a:gd name="connsiteY3" fmla="*/ 71182 h 408689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9132967" h="408689">
                    <a:moveTo>
                      <a:pt x="0" y="408689"/>
                    </a:moveTo>
                    <a:cubicBezTo>
                      <a:pt x="1238397" y="246964"/>
                      <a:pt x="3048428" y="39947"/>
                      <a:pt x="4730836" y="10513"/>
                    </a:cubicBezTo>
                    <a:lnTo>
                      <a:pt x="6619664" y="0"/>
                    </a:lnTo>
                    <a:lnTo>
                      <a:pt x="9132967" y="71182"/>
                    </a:lnTo>
                  </a:path>
                </a:pathLst>
              </a:custGeom>
              <a:solidFill>
                <a:srgbClr val="0F1D27"/>
              </a:solidFill>
              <a:ln>
                <a:noFill/>
              </a:ln>
              <a:effectLst/>
            </p:spPr>
            <p:style>
              <a:lnRef idx="2">
                <a:schemeClr val="accent1"/>
              </a:lnRef>
              <a:fillRef idx="0">
                <a:schemeClr val="accent1"/>
              </a:fillRef>
              <a:effectRef idx="1">
                <a:schemeClr val="accent1"/>
              </a:effectRef>
              <a:fontRef idx="minor">
                <a:schemeClr val="tx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grpSp>
            <p:nvGrpSpPr>
              <p:cNvPr id="35" name="Group 24"/>
              <p:cNvGrpSpPr>
                <a:grpSpLocks/>
              </p:cNvGrpSpPr>
              <p:nvPr/>
            </p:nvGrpSpPr>
            <p:grpSpPr bwMode="auto">
              <a:xfrm>
                <a:off x="0" y="6001193"/>
                <a:ext cx="9144000" cy="825500"/>
                <a:chOff x="106536600" y="113670343"/>
                <a:chExt cx="7300243" cy="825104"/>
              </a:xfrm>
            </p:grpSpPr>
            <p:sp>
              <p:nvSpPr>
                <p:cNvPr id="36" name="Freeform 25"/>
                <p:cNvSpPr>
                  <a:spLocks/>
                </p:cNvSpPr>
                <p:nvPr/>
              </p:nvSpPr>
              <p:spPr bwMode="auto">
                <a:xfrm>
                  <a:off x="106536600" y="113838364"/>
                  <a:ext cx="7300243" cy="657083"/>
                </a:xfrm>
                <a:custGeom>
                  <a:avLst/>
                  <a:gdLst/>
                  <a:ahLst/>
                  <a:cxnLst>
                    <a:cxn ang="0">
                      <a:pos x="0" y="145"/>
                    </a:cxn>
                    <a:cxn ang="0">
                      <a:pos x="2452" y="219"/>
                    </a:cxn>
                  </a:cxnLst>
                  <a:rect l="0" t="0" r="r" b="b"/>
                  <a:pathLst>
                    <a:path w="2452" h="219">
                      <a:moveTo>
                        <a:pt x="0" y="145"/>
                      </a:moveTo>
                      <a:cubicBezTo>
                        <a:pt x="950" y="0"/>
                        <a:pt x="1836" y="98"/>
                        <a:pt x="2452" y="219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37" name="Freeform 26"/>
                <p:cNvSpPr>
                  <a:spLocks/>
                </p:cNvSpPr>
                <p:nvPr/>
              </p:nvSpPr>
              <p:spPr bwMode="auto">
                <a:xfrm>
                  <a:off x="106536600" y="113808360"/>
                  <a:ext cx="7300243" cy="543069"/>
                </a:xfrm>
                <a:custGeom>
                  <a:avLst/>
                  <a:gdLst/>
                  <a:ahLst/>
                  <a:cxnLst>
                    <a:cxn ang="0">
                      <a:pos x="0" y="181"/>
                    </a:cxn>
                    <a:cxn ang="0">
                      <a:pos x="2452" y="165"/>
                    </a:cxn>
                  </a:cxnLst>
                  <a:rect l="0" t="0" r="r" b="b"/>
                  <a:pathLst>
                    <a:path w="2452" h="181">
                      <a:moveTo>
                        <a:pt x="0" y="181"/>
                      </a:moveTo>
                      <a:cubicBezTo>
                        <a:pt x="940" y="0"/>
                        <a:pt x="1828" y="65"/>
                        <a:pt x="2452" y="16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38" name="Freeform 27"/>
                <p:cNvSpPr>
                  <a:spLocks/>
                </p:cNvSpPr>
                <p:nvPr/>
              </p:nvSpPr>
              <p:spPr bwMode="auto">
                <a:xfrm>
                  <a:off x="106536600" y="113670343"/>
                  <a:ext cx="7300243" cy="543068"/>
                </a:xfrm>
                <a:custGeom>
                  <a:avLst/>
                  <a:gdLst/>
                  <a:ahLst/>
                  <a:cxnLst>
                    <a:cxn ang="0">
                      <a:pos x="2452" y="181"/>
                    </a:cxn>
                    <a:cxn ang="0">
                      <a:pos x="0" y="170"/>
                    </a:cxn>
                  </a:cxnLst>
                  <a:rect l="0" t="0" r="r" b="b"/>
                  <a:pathLst>
                    <a:path w="2452" h="181">
                      <a:moveTo>
                        <a:pt x="2452" y="181"/>
                      </a:moveTo>
                      <a:cubicBezTo>
                        <a:pt x="1828" y="74"/>
                        <a:pt x="942" y="0"/>
                        <a:pt x="0" y="170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39" name="Freeform 29"/>
                <p:cNvSpPr>
                  <a:spLocks/>
                </p:cNvSpPr>
                <p:nvPr/>
              </p:nvSpPr>
              <p:spPr bwMode="auto">
                <a:xfrm>
                  <a:off x="106536600" y="113895371"/>
                  <a:ext cx="7300243" cy="546069"/>
                </a:xfrm>
                <a:custGeom>
                  <a:avLst/>
                  <a:gdLst/>
                  <a:ahLst/>
                  <a:cxnLst>
                    <a:cxn ang="0">
                      <a:pos x="0" y="170"/>
                    </a:cxn>
                    <a:cxn ang="0">
                      <a:pos x="2452" y="182"/>
                    </a:cxn>
                  </a:cxnLst>
                  <a:rect l="0" t="0" r="r" b="b"/>
                  <a:pathLst>
                    <a:path w="2452" h="182">
                      <a:moveTo>
                        <a:pt x="0" y="170"/>
                      </a:moveTo>
                      <a:cubicBezTo>
                        <a:pt x="942" y="0"/>
                        <a:pt x="1829" y="75"/>
                        <a:pt x="2452" y="182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40" name="Freeform 28"/>
                <p:cNvSpPr>
                  <a:spLocks/>
                </p:cNvSpPr>
                <p:nvPr/>
              </p:nvSpPr>
              <p:spPr bwMode="auto">
                <a:xfrm>
                  <a:off x="106536600" y="113781357"/>
                  <a:ext cx="7300243" cy="555070"/>
                </a:xfrm>
                <a:custGeom>
                  <a:avLst/>
                  <a:gdLst/>
                  <a:ahLst/>
                  <a:cxnLst>
                    <a:cxn ang="0">
                      <a:pos x="0" y="167"/>
                    </a:cxn>
                    <a:cxn ang="0">
                      <a:pos x="2452" y="185"/>
                    </a:cxn>
                  </a:cxnLst>
                  <a:rect l="0" t="0" r="r" b="b"/>
                  <a:pathLst>
                    <a:path w="2452" h="185">
                      <a:moveTo>
                        <a:pt x="0" y="167"/>
                      </a:moveTo>
                      <a:cubicBezTo>
                        <a:pt x="943" y="0"/>
                        <a:pt x="1829" y="77"/>
                        <a:pt x="2452" y="18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</p:grpSp>
        </p:grp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0F1D27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3352009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1_Content Styl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Group 4"/>
          <p:cNvGrpSpPr/>
          <p:nvPr userDrawn="1"/>
        </p:nvGrpSpPr>
        <p:grpSpPr>
          <a:xfrm>
            <a:off x="-4" y="6001193"/>
            <a:ext cx="9144004" cy="955306"/>
            <a:chOff x="-4" y="6001193"/>
            <a:chExt cx="9144004" cy="955306"/>
          </a:xfrm>
        </p:grpSpPr>
        <p:sp>
          <p:nvSpPr>
            <p:cNvPr id="18" name="Rectangle 17"/>
            <p:cNvSpPr/>
            <p:nvPr/>
          </p:nvSpPr>
          <p:spPr>
            <a:xfrm>
              <a:off x="7176151" y="6724189"/>
              <a:ext cx="1627971" cy="133812"/>
            </a:xfrm>
            <a:prstGeom prst="rect">
              <a:avLst/>
            </a:prstGeom>
            <a:solidFill>
              <a:srgbClr val="0F1D27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grpSp>
          <p:nvGrpSpPr>
            <p:cNvPr id="4" name="Group 3"/>
            <p:cNvGrpSpPr/>
            <p:nvPr userDrawn="1"/>
          </p:nvGrpSpPr>
          <p:grpSpPr>
            <a:xfrm>
              <a:off x="-4" y="6001193"/>
              <a:ext cx="9144004" cy="955306"/>
              <a:chOff x="-4" y="6001193"/>
              <a:chExt cx="9144004" cy="955306"/>
            </a:xfrm>
          </p:grpSpPr>
          <p:sp>
            <p:nvSpPr>
              <p:cNvPr id="32" name="Rectangle 31"/>
              <p:cNvSpPr/>
              <p:nvPr userDrawn="1"/>
            </p:nvSpPr>
            <p:spPr bwMode="auto">
              <a:xfrm>
                <a:off x="6055366" y="6734513"/>
                <a:ext cx="3088634" cy="123487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33" name="Rectangle 32"/>
              <p:cNvSpPr/>
              <p:nvPr userDrawn="1"/>
            </p:nvSpPr>
            <p:spPr bwMode="auto">
              <a:xfrm>
                <a:off x="0" y="6709463"/>
                <a:ext cx="7189330" cy="148538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34" name="Freeform 33"/>
              <p:cNvSpPr/>
              <p:nvPr/>
            </p:nvSpPr>
            <p:spPr bwMode="auto">
              <a:xfrm rot="185474">
                <a:off x="-4" y="6390157"/>
                <a:ext cx="9133386" cy="566342"/>
              </a:xfrm>
              <a:custGeom>
                <a:avLst/>
                <a:gdLst>
                  <a:gd name="connsiteX0" fmla="*/ 0 w 10561745"/>
                  <a:gd name="connsiteY0" fmla="*/ 675428 h 970274"/>
                  <a:gd name="connsiteX1" fmla="*/ 4070929 w 10561745"/>
                  <a:gd name="connsiteY1" fmla="*/ 17695 h 970274"/>
                  <a:gd name="connsiteX2" fmla="*/ 10080937 w 10561745"/>
                  <a:gd name="connsiteY2" fmla="*/ 255840 h 970274"/>
                  <a:gd name="connsiteX3" fmla="*/ 10182994 w 10561745"/>
                  <a:gd name="connsiteY3" fmla="*/ 970274 h 970274"/>
                  <a:gd name="connsiteX0" fmla="*/ 0 w 10507791"/>
                  <a:gd name="connsiteY0" fmla="*/ 733012 h 1027858"/>
                  <a:gd name="connsiteX1" fmla="*/ 4802449 w 10507791"/>
                  <a:gd name="connsiteY1" fmla="*/ 14319 h 1027858"/>
                  <a:gd name="connsiteX2" fmla="*/ 10080937 w 10507791"/>
                  <a:gd name="connsiteY2" fmla="*/ 313424 h 1027858"/>
                  <a:gd name="connsiteX3" fmla="*/ 10182994 w 10507791"/>
                  <a:gd name="connsiteY3" fmla="*/ 1027858 h 1027858"/>
                  <a:gd name="connsiteX0" fmla="*/ 0 w 10476931"/>
                  <a:gd name="connsiteY0" fmla="*/ 791442 h 1086288"/>
                  <a:gd name="connsiteX1" fmla="*/ 5221310 w 10476931"/>
                  <a:gd name="connsiteY1" fmla="*/ 12005 h 1086288"/>
                  <a:gd name="connsiteX2" fmla="*/ 10080937 w 10476931"/>
                  <a:gd name="connsiteY2" fmla="*/ 371854 h 1086288"/>
                  <a:gd name="connsiteX3" fmla="*/ 10182994 w 10476931"/>
                  <a:gd name="connsiteY3" fmla="*/ 1086288 h 1086288"/>
                  <a:gd name="connsiteX0" fmla="*/ 0 w 10503954"/>
                  <a:gd name="connsiteY0" fmla="*/ 477006 h 1075579"/>
                  <a:gd name="connsiteX1" fmla="*/ 5248333 w 10503954"/>
                  <a:gd name="connsiteY1" fmla="*/ 1296 h 1075579"/>
                  <a:gd name="connsiteX2" fmla="*/ 10107960 w 10503954"/>
                  <a:gd name="connsiteY2" fmla="*/ 361145 h 1075579"/>
                  <a:gd name="connsiteX3" fmla="*/ 10210017 w 10503954"/>
                  <a:gd name="connsiteY3" fmla="*/ 1075579 h 1075579"/>
                  <a:gd name="connsiteX0" fmla="*/ 0 w 11223390"/>
                  <a:gd name="connsiteY0" fmla="*/ 476773 h 783769"/>
                  <a:gd name="connsiteX1" fmla="*/ 5248333 w 11223390"/>
                  <a:gd name="connsiteY1" fmla="*/ 1063 h 783769"/>
                  <a:gd name="connsiteX2" fmla="*/ 10107960 w 11223390"/>
                  <a:gd name="connsiteY2" fmla="*/ 360912 h 783769"/>
                  <a:gd name="connsiteX3" fmla="*/ 11223390 w 11223390"/>
                  <a:gd name="connsiteY3" fmla="*/ 783769 h 783769"/>
                  <a:gd name="connsiteX0" fmla="*/ 0 w 11466599"/>
                  <a:gd name="connsiteY0" fmla="*/ 477054 h 1124222"/>
                  <a:gd name="connsiteX1" fmla="*/ 5248333 w 11466599"/>
                  <a:gd name="connsiteY1" fmla="*/ 1344 h 1124222"/>
                  <a:gd name="connsiteX2" fmla="*/ 10107960 w 11466599"/>
                  <a:gd name="connsiteY2" fmla="*/ 361193 h 1124222"/>
                  <a:gd name="connsiteX3" fmla="*/ 11466599 w 11466599"/>
                  <a:gd name="connsiteY3" fmla="*/ 1124223 h 1124222"/>
                  <a:gd name="connsiteX0" fmla="*/ 0 w 11466599"/>
                  <a:gd name="connsiteY0" fmla="*/ 479597 h 1126766"/>
                  <a:gd name="connsiteX1" fmla="*/ 5248333 w 11466599"/>
                  <a:gd name="connsiteY1" fmla="*/ 3887 h 1126766"/>
                  <a:gd name="connsiteX2" fmla="*/ 10094449 w 11466599"/>
                  <a:gd name="connsiteY2" fmla="*/ 302991 h 1126766"/>
                  <a:gd name="connsiteX3" fmla="*/ 11466599 w 11466599"/>
                  <a:gd name="connsiteY3" fmla="*/ 1126766 h 1126766"/>
                  <a:gd name="connsiteX0" fmla="*/ 0 w 11385529"/>
                  <a:gd name="connsiteY0" fmla="*/ 481146 h 1444191"/>
                  <a:gd name="connsiteX1" fmla="*/ 5248333 w 11385529"/>
                  <a:gd name="connsiteY1" fmla="*/ 5436 h 1444191"/>
                  <a:gd name="connsiteX2" fmla="*/ 10094449 w 11385529"/>
                  <a:gd name="connsiteY2" fmla="*/ 304540 h 1444191"/>
                  <a:gd name="connsiteX3" fmla="*/ 11385529 w 11385529"/>
                  <a:gd name="connsiteY3" fmla="*/ 1444190 h 1444191"/>
                  <a:gd name="connsiteX0" fmla="*/ 0 w 10094449"/>
                  <a:gd name="connsiteY0" fmla="*/ 481146 h 481146"/>
                  <a:gd name="connsiteX1" fmla="*/ 5248333 w 10094449"/>
                  <a:gd name="connsiteY1" fmla="*/ 5436 h 481146"/>
                  <a:gd name="connsiteX2" fmla="*/ 10094449 w 10094449"/>
                  <a:gd name="connsiteY2" fmla="*/ 304540 h 481146"/>
                  <a:gd name="connsiteX0" fmla="*/ 0 w 9624267"/>
                  <a:gd name="connsiteY0" fmla="*/ 488689 h 488689"/>
                  <a:gd name="connsiteX1" fmla="*/ 5248333 w 9624267"/>
                  <a:gd name="connsiteY1" fmla="*/ 12979 h 488689"/>
                  <a:gd name="connsiteX2" fmla="*/ 9624267 w 9624267"/>
                  <a:gd name="connsiteY2" fmla="*/ 225238 h 488689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5343"/>
                  <a:gd name="connsiteY0" fmla="*/ 430221 h 430221"/>
                  <a:gd name="connsiteX1" fmla="*/ 4729409 w 9105343"/>
                  <a:gd name="connsiteY1" fmla="*/ 12979 h 430221"/>
                  <a:gd name="connsiteX2" fmla="*/ 9105343 w 9105343"/>
                  <a:gd name="connsiteY2" fmla="*/ 225238 h 430221"/>
                  <a:gd name="connsiteX0" fmla="*/ 0 w 9106770"/>
                  <a:gd name="connsiteY0" fmla="*/ 411155 h 411155"/>
                  <a:gd name="connsiteX1" fmla="*/ 4730836 w 9106770"/>
                  <a:gd name="connsiteY1" fmla="*/ 12979 h 411155"/>
                  <a:gd name="connsiteX2" fmla="*/ 9106770 w 9106770"/>
                  <a:gd name="connsiteY2" fmla="*/ 225238 h 411155"/>
                  <a:gd name="connsiteX0" fmla="*/ 0 w 9134854"/>
                  <a:gd name="connsiteY0" fmla="*/ 456708 h 456708"/>
                  <a:gd name="connsiteX1" fmla="*/ 4730836 w 9134854"/>
                  <a:gd name="connsiteY1" fmla="*/ 58532 h 456708"/>
                  <a:gd name="connsiteX2" fmla="*/ 9134854 w 9134854"/>
                  <a:gd name="connsiteY2" fmla="*/ 144387 h 456708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9134854 w 9134854"/>
                  <a:gd name="connsiteY2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421282 h 421282"/>
                  <a:gd name="connsiteX1" fmla="*/ 4730836 w 9134854"/>
                  <a:gd name="connsiteY1" fmla="*/ 23106 h 421282"/>
                  <a:gd name="connsiteX2" fmla="*/ 6618721 w 9134854"/>
                  <a:gd name="connsiteY2" fmla="*/ 0 h 421282"/>
                  <a:gd name="connsiteX3" fmla="*/ 9134854 w 9134854"/>
                  <a:gd name="connsiteY3" fmla="*/ 108961 h 421282"/>
                  <a:gd name="connsiteX0" fmla="*/ 0 w 9134854"/>
                  <a:gd name="connsiteY0" fmla="*/ 408689 h 408689"/>
                  <a:gd name="connsiteX1" fmla="*/ 4730836 w 9134854"/>
                  <a:gd name="connsiteY1" fmla="*/ 10513 h 408689"/>
                  <a:gd name="connsiteX2" fmla="*/ 6619664 w 9134854"/>
                  <a:gd name="connsiteY2" fmla="*/ 0 h 408689"/>
                  <a:gd name="connsiteX3" fmla="*/ 9134854 w 9134854"/>
                  <a:gd name="connsiteY3" fmla="*/ 96368 h 408689"/>
                  <a:gd name="connsiteX0" fmla="*/ 0 w 9132967"/>
                  <a:gd name="connsiteY0" fmla="*/ 408689 h 408689"/>
                  <a:gd name="connsiteX1" fmla="*/ 4730836 w 9132967"/>
                  <a:gd name="connsiteY1" fmla="*/ 10513 h 408689"/>
                  <a:gd name="connsiteX2" fmla="*/ 6619664 w 9132967"/>
                  <a:gd name="connsiteY2" fmla="*/ 0 h 408689"/>
                  <a:gd name="connsiteX3" fmla="*/ 9132967 w 9132967"/>
                  <a:gd name="connsiteY3" fmla="*/ 71182 h 408689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9132967" h="408689">
                    <a:moveTo>
                      <a:pt x="0" y="408689"/>
                    </a:moveTo>
                    <a:cubicBezTo>
                      <a:pt x="1238397" y="246964"/>
                      <a:pt x="3048428" y="39947"/>
                      <a:pt x="4730836" y="10513"/>
                    </a:cubicBezTo>
                    <a:lnTo>
                      <a:pt x="6619664" y="0"/>
                    </a:lnTo>
                    <a:lnTo>
                      <a:pt x="9132967" y="71182"/>
                    </a:lnTo>
                  </a:path>
                </a:pathLst>
              </a:custGeom>
              <a:solidFill>
                <a:srgbClr val="0F1D27"/>
              </a:solidFill>
              <a:ln>
                <a:noFill/>
              </a:ln>
              <a:effectLst/>
            </p:spPr>
            <p:style>
              <a:lnRef idx="2">
                <a:schemeClr val="accent1"/>
              </a:lnRef>
              <a:fillRef idx="0">
                <a:schemeClr val="accent1"/>
              </a:fillRef>
              <a:effectRef idx="1">
                <a:schemeClr val="accent1"/>
              </a:effectRef>
              <a:fontRef idx="minor">
                <a:schemeClr val="tx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grpSp>
            <p:nvGrpSpPr>
              <p:cNvPr id="35" name="Group 24"/>
              <p:cNvGrpSpPr>
                <a:grpSpLocks/>
              </p:cNvGrpSpPr>
              <p:nvPr/>
            </p:nvGrpSpPr>
            <p:grpSpPr bwMode="auto">
              <a:xfrm>
                <a:off x="0" y="6001193"/>
                <a:ext cx="9144000" cy="825500"/>
                <a:chOff x="106536600" y="113670343"/>
                <a:chExt cx="7300243" cy="825104"/>
              </a:xfrm>
            </p:grpSpPr>
            <p:sp>
              <p:nvSpPr>
                <p:cNvPr id="36" name="Freeform 25"/>
                <p:cNvSpPr>
                  <a:spLocks/>
                </p:cNvSpPr>
                <p:nvPr/>
              </p:nvSpPr>
              <p:spPr bwMode="auto">
                <a:xfrm>
                  <a:off x="106536600" y="113838364"/>
                  <a:ext cx="7300243" cy="657083"/>
                </a:xfrm>
                <a:custGeom>
                  <a:avLst/>
                  <a:gdLst/>
                  <a:ahLst/>
                  <a:cxnLst>
                    <a:cxn ang="0">
                      <a:pos x="0" y="145"/>
                    </a:cxn>
                    <a:cxn ang="0">
                      <a:pos x="2452" y="219"/>
                    </a:cxn>
                  </a:cxnLst>
                  <a:rect l="0" t="0" r="r" b="b"/>
                  <a:pathLst>
                    <a:path w="2452" h="219">
                      <a:moveTo>
                        <a:pt x="0" y="145"/>
                      </a:moveTo>
                      <a:cubicBezTo>
                        <a:pt x="950" y="0"/>
                        <a:pt x="1836" y="98"/>
                        <a:pt x="2452" y="219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37" name="Freeform 26"/>
                <p:cNvSpPr>
                  <a:spLocks/>
                </p:cNvSpPr>
                <p:nvPr/>
              </p:nvSpPr>
              <p:spPr bwMode="auto">
                <a:xfrm>
                  <a:off x="106536600" y="113808360"/>
                  <a:ext cx="7300243" cy="543069"/>
                </a:xfrm>
                <a:custGeom>
                  <a:avLst/>
                  <a:gdLst/>
                  <a:ahLst/>
                  <a:cxnLst>
                    <a:cxn ang="0">
                      <a:pos x="0" y="181"/>
                    </a:cxn>
                    <a:cxn ang="0">
                      <a:pos x="2452" y="165"/>
                    </a:cxn>
                  </a:cxnLst>
                  <a:rect l="0" t="0" r="r" b="b"/>
                  <a:pathLst>
                    <a:path w="2452" h="181">
                      <a:moveTo>
                        <a:pt x="0" y="181"/>
                      </a:moveTo>
                      <a:cubicBezTo>
                        <a:pt x="940" y="0"/>
                        <a:pt x="1828" y="65"/>
                        <a:pt x="2452" y="16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38" name="Freeform 27"/>
                <p:cNvSpPr>
                  <a:spLocks/>
                </p:cNvSpPr>
                <p:nvPr/>
              </p:nvSpPr>
              <p:spPr bwMode="auto">
                <a:xfrm>
                  <a:off x="106536600" y="113670343"/>
                  <a:ext cx="7300243" cy="543068"/>
                </a:xfrm>
                <a:custGeom>
                  <a:avLst/>
                  <a:gdLst/>
                  <a:ahLst/>
                  <a:cxnLst>
                    <a:cxn ang="0">
                      <a:pos x="2452" y="181"/>
                    </a:cxn>
                    <a:cxn ang="0">
                      <a:pos x="0" y="170"/>
                    </a:cxn>
                  </a:cxnLst>
                  <a:rect l="0" t="0" r="r" b="b"/>
                  <a:pathLst>
                    <a:path w="2452" h="181">
                      <a:moveTo>
                        <a:pt x="2452" y="181"/>
                      </a:moveTo>
                      <a:cubicBezTo>
                        <a:pt x="1828" y="74"/>
                        <a:pt x="942" y="0"/>
                        <a:pt x="0" y="170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39" name="Freeform 29"/>
                <p:cNvSpPr>
                  <a:spLocks/>
                </p:cNvSpPr>
                <p:nvPr/>
              </p:nvSpPr>
              <p:spPr bwMode="auto">
                <a:xfrm>
                  <a:off x="106536600" y="113895371"/>
                  <a:ext cx="7300243" cy="546069"/>
                </a:xfrm>
                <a:custGeom>
                  <a:avLst/>
                  <a:gdLst/>
                  <a:ahLst/>
                  <a:cxnLst>
                    <a:cxn ang="0">
                      <a:pos x="0" y="170"/>
                    </a:cxn>
                    <a:cxn ang="0">
                      <a:pos x="2452" y="182"/>
                    </a:cxn>
                  </a:cxnLst>
                  <a:rect l="0" t="0" r="r" b="b"/>
                  <a:pathLst>
                    <a:path w="2452" h="182">
                      <a:moveTo>
                        <a:pt x="0" y="170"/>
                      </a:moveTo>
                      <a:cubicBezTo>
                        <a:pt x="942" y="0"/>
                        <a:pt x="1829" y="75"/>
                        <a:pt x="2452" y="182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40" name="Freeform 28"/>
                <p:cNvSpPr>
                  <a:spLocks/>
                </p:cNvSpPr>
                <p:nvPr/>
              </p:nvSpPr>
              <p:spPr bwMode="auto">
                <a:xfrm>
                  <a:off x="106536600" y="113781357"/>
                  <a:ext cx="7300243" cy="555070"/>
                </a:xfrm>
                <a:custGeom>
                  <a:avLst/>
                  <a:gdLst/>
                  <a:ahLst/>
                  <a:cxnLst>
                    <a:cxn ang="0">
                      <a:pos x="0" y="167"/>
                    </a:cxn>
                    <a:cxn ang="0">
                      <a:pos x="2452" y="185"/>
                    </a:cxn>
                  </a:cxnLst>
                  <a:rect l="0" t="0" r="r" b="b"/>
                  <a:pathLst>
                    <a:path w="2452" h="185">
                      <a:moveTo>
                        <a:pt x="0" y="167"/>
                      </a:moveTo>
                      <a:cubicBezTo>
                        <a:pt x="943" y="0"/>
                        <a:pt x="1829" y="77"/>
                        <a:pt x="2452" y="18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</p:grpSp>
        </p:grp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0F1D27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sz="quarter" idx="10"/>
          </p:nvPr>
        </p:nvSpPr>
        <p:spPr>
          <a:xfrm>
            <a:off x="609599" y="1546031"/>
            <a:ext cx="7845552" cy="457200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4783390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Content Style 3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" name="Group 8"/>
          <p:cNvGrpSpPr/>
          <p:nvPr userDrawn="1"/>
        </p:nvGrpSpPr>
        <p:grpSpPr>
          <a:xfrm>
            <a:off x="-4" y="6001193"/>
            <a:ext cx="9144004" cy="955306"/>
            <a:chOff x="-4" y="6001193"/>
            <a:chExt cx="9144004" cy="955306"/>
          </a:xfrm>
        </p:grpSpPr>
        <p:sp>
          <p:nvSpPr>
            <p:cNvPr id="11" name="Rectangle 10"/>
            <p:cNvSpPr/>
            <p:nvPr/>
          </p:nvSpPr>
          <p:spPr>
            <a:xfrm>
              <a:off x="7176151" y="6724189"/>
              <a:ext cx="1627971" cy="133812"/>
            </a:xfrm>
            <a:prstGeom prst="rect">
              <a:avLst/>
            </a:prstGeom>
            <a:solidFill>
              <a:srgbClr val="0F1D27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grpSp>
          <p:nvGrpSpPr>
            <p:cNvPr id="12" name="Group 11"/>
            <p:cNvGrpSpPr/>
            <p:nvPr userDrawn="1"/>
          </p:nvGrpSpPr>
          <p:grpSpPr>
            <a:xfrm>
              <a:off x="-4" y="6001193"/>
              <a:ext cx="9144004" cy="955306"/>
              <a:chOff x="-4" y="6001193"/>
              <a:chExt cx="9144004" cy="955306"/>
            </a:xfrm>
          </p:grpSpPr>
          <p:sp>
            <p:nvSpPr>
              <p:cNvPr id="13" name="Rectangle 12"/>
              <p:cNvSpPr/>
              <p:nvPr userDrawn="1"/>
            </p:nvSpPr>
            <p:spPr bwMode="auto">
              <a:xfrm>
                <a:off x="6055366" y="6734513"/>
                <a:ext cx="3088634" cy="123487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14" name="Rectangle 13"/>
              <p:cNvSpPr/>
              <p:nvPr userDrawn="1"/>
            </p:nvSpPr>
            <p:spPr bwMode="auto">
              <a:xfrm>
                <a:off x="0" y="6709463"/>
                <a:ext cx="7189330" cy="148538"/>
              </a:xfrm>
              <a:prstGeom prst="rect">
                <a:avLst/>
              </a:prstGeom>
              <a:solidFill>
                <a:srgbClr val="0F1D27"/>
              </a:solidFill>
              <a:ln>
                <a:noFill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sp>
            <p:nvSpPr>
              <p:cNvPr id="15" name="Freeform 14"/>
              <p:cNvSpPr/>
              <p:nvPr/>
            </p:nvSpPr>
            <p:spPr bwMode="auto">
              <a:xfrm rot="185474">
                <a:off x="-4" y="6390157"/>
                <a:ext cx="9133386" cy="566342"/>
              </a:xfrm>
              <a:custGeom>
                <a:avLst/>
                <a:gdLst>
                  <a:gd name="connsiteX0" fmla="*/ 0 w 10561745"/>
                  <a:gd name="connsiteY0" fmla="*/ 675428 h 970274"/>
                  <a:gd name="connsiteX1" fmla="*/ 4070929 w 10561745"/>
                  <a:gd name="connsiteY1" fmla="*/ 17695 h 970274"/>
                  <a:gd name="connsiteX2" fmla="*/ 10080937 w 10561745"/>
                  <a:gd name="connsiteY2" fmla="*/ 255840 h 970274"/>
                  <a:gd name="connsiteX3" fmla="*/ 10182994 w 10561745"/>
                  <a:gd name="connsiteY3" fmla="*/ 970274 h 970274"/>
                  <a:gd name="connsiteX0" fmla="*/ 0 w 10507791"/>
                  <a:gd name="connsiteY0" fmla="*/ 733012 h 1027858"/>
                  <a:gd name="connsiteX1" fmla="*/ 4802449 w 10507791"/>
                  <a:gd name="connsiteY1" fmla="*/ 14319 h 1027858"/>
                  <a:gd name="connsiteX2" fmla="*/ 10080937 w 10507791"/>
                  <a:gd name="connsiteY2" fmla="*/ 313424 h 1027858"/>
                  <a:gd name="connsiteX3" fmla="*/ 10182994 w 10507791"/>
                  <a:gd name="connsiteY3" fmla="*/ 1027858 h 1027858"/>
                  <a:gd name="connsiteX0" fmla="*/ 0 w 10476931"/>
                  <a:gd name="connsiteY0" fmla="*/ 791442 h 1086288"/>
                  <a:gd name="connsiteX1" fmla="*/ 5221310 w 10476931"/>
                  <a:gd name="connsiteY1" fmla="*/ 12005 h 1086288"/>
                  <a:gd name="connsiteX2" fmla="*/ 10080937 w 10476931"/>
                  <a:gd name="connsiteY2" fmla="*/ 371854 h 1086288"/>
                  <a:gd name="connsiteX3" fmla="*/ 10182994 w 10476931"/>
                  <a:gd name="connsiteY3" fmla="*/ 1086288 h 1086288"/>
                  <a:gd name="connsiteX0" fmla="*/ 0 w 10503954"/>
                  <a:gd name="connsiteY0" fmla="*/ 477006 h 1075579"/>
                  <a:gd name="connsiteX1" fmla="*/ 5248333 w 10503954"/>
                  <a:gd name="connsiteY1" fmla="*/ 1296 h 1075579"/>
                  <a:gd name="connsiteX2" fmla="*/ 10107960 w 10503954"/>
                  <a:gd name="connsiteY2" fmla="*/ 361145 h 1075579"/>
                  <a:gd name="connsiteX3" fmla="*/ 10210017 w 10503954"/>
                  <a:gd name="connsiteY3" fmla="*/ 1075579 h 1075579"/>
                  <a:gd name="connsiteX0" fmla="*/ 0 w 11223390"/>
                  <a:gd name="connsiteY0" fmla="*/ 476773 h 783769"/>
                  <a:gd name="connsiteX1" fmla="*/ 5248333 w 11223390"/>
                  <a:gd name="connsiteY1" fmla="*/ 1063 h 783769"/>
                  <a:gd name="connsiteX2" fmla="*/ 10107960 w 11223390"/>
                  <a:gd name="connsiteY2" fmla="*/ 360912 h 783769"/>
                  <a:gd name="connsiteX3" fmla="*/ 11223390 w 11223390"/>
                  <a:gd name="connsiteY3" fmla="*/ 783769 h 783769"/>
                  <a:gd name="connsiteX0" fmla="*/ 0 w 11466599"/>
                  <a:gd name="connsiteY0" fmla="*/ 477054 h 1124222"/>
                  <a:gd name="connsiteX1" fmla="*/ 5248333 w 11466599"/>
                  <a:gd name="connsiteY1" fmla="*/ 1344 h 1124222"/>
                  <a:gd name="connsiteX2" fmla="*/ 10107960 w 11466599"/>
                  <a:gd name="connsiteY2" fmla="*/ 361193 h 1124222"/>
                  <a:gd name="connsiteX3" fmla="*/ 11466599 w 11466599"/>
                  <a:gd name="connsiteY3" fmla="*/ 1124223 h 1124222"/>
                  <a:gd name="connsiteX0" fmla="*/ 0 w 11466599"/>
                  <a:gd name="connsiteY0" fmla="*/ 479597 h 1126766"/>
                  <a:gd name="connsiteX1" fmla="*/ 5248333 w 11466599"/>
                  <a:gd name="connsiteY1" fmla="*/ 3887 h 1126766"/>
                  <a:gd name="connsiteX2" fmla="*/ 10094449 w 11466599"/>
                  <a:gd name="connsiteY2" fmla="*/ 302991 h 1126766"/>
                  <a:gd name="connsiteX3" fmla="*/ 11466599 w 11466599"/>
                  <a:gd name="connsiteY3" fmla="*/ 1126766 h 1126766"/>
                  <a:gd name="connsiteX0" fmla="*/ 0 w 11385529"/>
                  <a:gd name="connsiteY0" fmla="*/ 481146 h 1444191"/>
                  <a:gd name="connsiteX1" fmla="*/ 5248333 w 11385529"/>
                  <a:gd name="connsiteY1" fmla="*/ 5436 h 1444191"/>
                  <a:gd name="connsiteX2" fmla="*/ 10094449 w 11385529"/>
                  <a:gd name="connsiteY2" fmla="*/ 304540 h 1444191"/>
                  <a:gd name="connsiteX3" fmla="*/ 11385529 w 11385529"/>
                  <a:gd name="connsiteY3" fmla="*/ 1444190 h 1444191"/>
                  <a:gd name="connsiteX0" fmla="*/ 0 w 10094449"/>
                  <a:gd name="connsiteY0" fmla="*/ 481146 h 481146"/>
                  <a:gd name="connsiteX1" fmla="*/ 5248333 w 10094449"/>
                  <a:gd name="connsiteY1" fmla="*/ 5436 h 481146"/>
                  <a:gd name="connsiteX2" fmla="*/ 10094449 w 10094449"/>
                  <a:gd name="connsiteY2" fmla="*/ 304540 h 481146"/>
                  <a:gd name="connsiteX0" fmla="*/ 0 w 9624267"/>
                  <a:gd name="connsiteY0" fmla="*/ 488689 h 488689"/>
                  <a:gd name="connsiteX1" fmla="*/ 5248333 w 9624267"/>
                  <a:gd name="connsiteY1" fmla="*/ 12979 h 488689"/>
                  <a:gd name="connsiteX2" fmla="*/ 9624267 w 9624267"/>
                  <a:gd name="connsiteY2" fmla="*/ 225238 h 488689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8910"/>
                  <a:gd name="connsiteY0" fmla="*/ 382556 h 382556"/>
                  <a:gd name="connsiteX1" fmla="*/ 4732976 w 9108910"/>
                  <a:gd name="connsiteY1" fmla="*/ 12979 h 382556"/>
                  <a:gd name="connsiteX2" fmla="*/ 9108910 w 9108910"/>
                  <a:gd name="connsiteY2" fmla="*/ 225238 h 382556"/>
                  <a:gd name="connsiteX0" fmla="*/ 0 w 9105343"/>
                  <a:gd name="connsiteY0" fmla="*/ 430221 h 430221"/>
                  <a:gd name="connsiteX1" fmla="*/ 4729409 w 9105343"/>
                  <a:gd name="connsiteY1" fmla="*/ 12979 h 430221"/>
                  <a:gd name="connsiteX2" fmla="*/ 9105343 w 9105343"/>
                  <a:gd name="connsiteY2" fmla="*/ 225238 h 430221"/>
                  <a:gd name="connsiteX0" fmla="*/ 0 w 9106770"/>
                  <a:gd name="connsiteY0" fmla="*/ 411155 h 411155"/>
                  <a:gd name="connsiteX1" fmla="*/ 4730836 w 9106770"/>
                  <a:gd name="connsiteY1" fmla="*/ 12979 h 411155"/>
                  <a:gd name="connsiteX2" fmla="*/ 9106770 w 9106770"/>
                  <a:gd name="connsiteY2" fmla="*/ 225238 h 411155"/>
                  <a:gd name="connsiteX0" fmla="*/ 0 w 9134854"/>
                  <a:gd name="connsiteY0" fmla="*/ 456708 h 456708"/>
                  <a:gd name="connsiteX1" fmla="*/ 4730836 w 9134854"/>
                  <a:gd name="connsiteY1" fmla="*/ 58532 h 456708"/>
                  <a:gd name="connsiteX2" fmla="*/ 9134854 w 9134854"/>
                  <a:gd name="connsiteY2" fmla="*/ 144387 h 456708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9134854 w 9134854"/>
                  <a:gd name="connsiteY2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398176 h 398176"/>
                  <a:gd name="connsiteX1" fmla="*/ 4730836 w 9134854"/>
                  <a:gd name="connsiteY1" fmla="*/ 0 h 398176"/>
                  <a:gd name="connsiteX2" fmla="*/ 7695934 w 9134854"/>
                  <a:gd name="connsiteY2" fmla="*/ 27530 h 398176"/>
                  <a:gd name="connsiteX3" fmla="*/ 9134854 w 9134854"/>
                  <a:gd name="connsiteY3" fmla="*/ 85855 h 398176"/>
                  <a:gd name="connsiteX0" fmla="*/ 0 w 9134854"/>
                  <a:gd name="connsiteY0" fmla="*/ 421282 h 421282"/>
                  <a:gd name="connsiteX1" fmla="*/ 4730836 w 9134854"/>
                  <a:gd name="connsiteY1" fmla="*/ 23106 h 421282"/>
                  <a:gd name="connsiteX2" fmla="*/ 6618721 w 9134854"/>
                  <a:gd name="connsiteY2" fmla="*/ 0 h 421282"/>
                  <a:gd name="connsiteX3" fmla="*/ 9134854 w 9134854"/>
                  <a:gd name="connsiteY3" fmla="*/ 108961 h 421282"/>
                  <a:gd name="connsiteX0" fmla="*/ 0 w 9134854"/>
                  <a:gd name="connsiteY0" fmla="*/ 408689 h 408689"/>
                  <a:gd name="connsiteX1" fmla="*/ 4730836 w 9134854"/>
                  <a:gd name="connsiteY1" fmla="*/ 10513 h 408689"/>
                  <a:gd name="connsiteX2" fmla="*/ 6619664 w 9134854"/>
                  <a:gd name="connsiteY2" fmla="*/ 0 h 408689"/>
                  <a:gd name="connsiteX3" fmla="*/ 9134854 w 9134854"/>
                  <a:gd name="connsiteY3" fmla="*/ 96368 h 408689"/>
                  <a:gd name="connsiteX0" fmla="*/ 0 w 9132967"/>
                  <a:gd name="connsiteY0" fmla="*/ 408689 h 408689"/>
                  <a:gd name="connsiteX1" fmla="*/ 4730836 w 9132967"/>
                  <a:gd name="connsiteY1" fmla="*/ 10513 h 408689"/>
                  <a:gd name="connsiteX2" fmla="*/ 6619664 w 9132967"/>
                  <a:gd name="connsiteY2" fmla="*/ 0 h 408689"/>
                  <a:gd name="connsiteX3" fmla="*/ 9132967 w 9132967"/>
                  <a:gd name="connsiteY3" fmla="*/ 71182 h 408689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9132967" h="408689">
                    <a:moveTo>
                      <a:pt x="0" y="408689"/>
                    </a:moveTo>
                    <a:cubicBezTo>
                      <a:pt x="1238397" y="246964"/>
                      <a:pt x="3048428" y="39947"/>
                      <a:pt x="4730836" y="10513"/>
                    </a:cubicBezTo>
                    <a:lnTo>
                      <a:pt x="6619664" y="0"/>
                    </a:lnTo>
                    <a:lnTo>
                      <a:pt x="9132967" y="71182"/>
                    </a:lnTo>
                  </a:path>
                </a:pathLst>
              </a:custGeom>
              <a:solidFill>
                <a:srgbClr val="0F1D27"/>
              </a:solidFill>
              <a:ln>
                <a:noFill/>
              </a:ln>
              <a:effectLst/>
            </p:spPr>
            <p:style>
              <a:lnRef idx="2">
                <a:schemeClr val="accent1"/>
              </a:lnRef>
              <a:fillRef idx="0">
                <a:schemeClr val="accent1"/>
              </a:fillRef>
              <a:effectRef idx="1">
                <a:schemeClr val="accent1"/>
              </a:effectRef>
              <a:fontRef idx="minor">
                <a:schemeClr val="tx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 dirty="0"/>
              </a:p>
            </p:txBody>
          </p:sp>
          <p:grpSp>
            <p:nvGrpSpPr>
              <p:cNvPr id="16" name="Group 24"/>
              <p:cNvGrpSpPr>
                <a:grpSpLocks/>
              </p:cNvGrpSpPr>
              <p:nvPr/>
            </p:nvGrpSpPr>
            <p:grpSpPr bwMode="auto">
              <a:xfrm>
                <a:off x="0" y="6001193"/>
                <a:ext cx="9144000" cy="825500"/>
                <a:chOff x="106536600" y="113670343"/>
                <a:chExt cx="7300243" cy="825104"/>
              </a:xfrm>
            </p:grpSpPr>
            <p:sp>
              <p:nvSpPr>
                <p:cNvPr id="17" name="Freeform 25"/>
                <p:cNvSpPr>
                  <a:spLocks/>
                </p:cNvSpPr>
                <p:nvPr/>
              </p:nvSpPr>
              <p:spPr bwMode="auto">
                <a:xfrm>
                  <a:off x="106536600" y="113838364"/>
                  <a:ext cx="7300243" cy="657083"/>
                </a:xfrm>
                <a:custGeom>
                  <a:avLst/>
                  <a:gdLst/>
                  <a:ahLst/>
                  <a:cxnLst>
                    <a:cxn ang="0">
                      <a:pos x="0" y="145"/>
                    </a:cxn>
                    <a:cxn ang="0">
                      <a:pos x="2452" y="219"/>
                    </a:cxn>
                  </a:cxnLst>
                  <a:rect l="0" t="0" r="r" b="b"/>
                  <a:pathLst>
                    <a:path w="2452" h="219">
                      <a:moveTo>
                        <a:pt x="0" y="145"/>
                      </a:moveTo>
                      <a:cubicBezTo>
                        <a:pt x="950" y="0"/>
                        <a:pt x="1836" y="98"/>
                        <a:pt x="2452" y="219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18" name="Freeform 26"/>
                <p:cNvSpPr>
                  <a:spLocks/>
                </p:cNvSpPr>
                <p:nvPr/>
              </p:nvSpPr>
              <p:spPr bwMode="auto">
                <a:xfrm>
                  <a:off x="106536600" y="113808360"/>
                  <a:ext cx="7300243" cy="543069"/>
                </a:xfrm>
                <a:custGeom>
                  <a:avLst/>
                  <a:gdLst/>
                  <a:ahLst/>
                  <a:cxnLst>
                    <a:cxn ang="0">
                      <a:pos x="0" y="181"/>
                    </a:cxn>
                    <a:cxn ang="0">
                      <a:pos x="2452" y="165"/>
                    </a:cxn>
                  </a:cxnLst>
                  <a:rect l="0" t="0" r="r" b="b"/>
                  <a:pathLst>
                    <a:path w="2452" h="181">
                      <a:moveTo>
                        <a:pt x="0" y="181"/>
                      </a:moveTo>
                      <a:cubicBezTo>
                        <a:pt x="940" y="0"/>
                        <a:pt x="1828" y="65"/>
                        <a:pt x="2452" y="16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19" name="Freeform 27"/>
                <p:cNvSpPr>
                  <a:spLocks/>
                </p:cNvSpPr>
                <p:nvPr/>
              </p:nvSpPr>
              <p:spPr bwMode="auto">
                <a:xfrm>
                  <a:off x="106536600" y="113670343"/>
                  <a:ext cx="7300243" cy="543068"/>
                </a:xfrm>
                <a:custGeom>
                  <a:avLst/>
                  <a:gdLst/>
                  <a:ahLst/>
                  <a:cxnLst>
                    <a:cxn ang="0">
                      <a:pos x="2452" y="181"/>
                    </a:cxn>
                    <a:cxn ang="0">
                      <a:pos x="0" y="170"/>
                    </a:cxn>
                  </a:cxnLst>
                  <a:rect l="0" t="0" r="r" b="b"/>
                  <a:pathLst>
                    <a:path w="2452" h="181">
                      <a:moveTo>
                        <a:pt x="2452" y="181"/>
                      </a:moveTo>
                      <a:cubicBezTo>
                        <a:pt x="1828" y="74"/>
                        <a:pt x="942" y="0"/>
                        <a:pt x="0" y="170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20" name="Freeform 29"/>
                <p:cNvSpPr>
                  <a:spLocks/>
                </p:cNvSpPr>
                <p:nvPr/>
              </p:nvSpPr>
              <p:spPr bwMode="auto">
                <a:xfrm>
                  <a:off x="106536600" y="113895371"/>
                  <a:ext cx="7300243" cy="546069"/>
                </a:xfrm>
                <a:custGeom>
                  <a:avLst/>
                  <a:gdLst/>
                  <a:ahLst/>
                  <a:cxnLst>
                    <a:cxn ang="0">
                      <a:pos x="0" y="170"/>
                    </a:cxn>
                    <a:cxn ang="0">
                      <a:pos x="2452" y="182"/>
                    </a:cxn>
                  </a:cxnLst>
                  <a:rect l="0" t="0" r="r" b="b"/>
                  <a:pathLst>
                    <a:path w="2452" h="182">
                      <a:moveTo>
                        <a:pt x="0" y="170"/>
                      </a:moveTo>
                      <a:cubicBezTo>
                        <a:pt x="942" y="0"/>
                        <a:pt x="1829" y="75"/>
                        <a:pt x="2452" y="182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EFB32F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  <p:sp>
              <p:nvSpPr>
                <p:cNvPr id="21" name="Freeform 28"/>
                <p:cNvSpPr>
                  <a:spLocks/>
                </p:cNvSpPr>
                <p:nvPr/>
              </p:nvSpPr>
              <p:spPr bwMode="auto">
                <a:xfrm>
                  <a:off x="106536600" y="113781357"/>
                  <a:ext cx="7300243" cy="555070"/>
                </a:xfrm>
                <a:custGeom>
                  <a:avLst/>
                  <a:gdLst/>
                  <a:ahLst/>
                  <a:cxnLst>
                    <a:cxn ang="0">
                      <a:pos x="0" y="167"/>
                    </a:cxn>
                    <a:cxn ang="0">
                      <a:pos x="2452" y="185"/>
                    </a:cxn>
                  </a:cxnLst>
                  <a:rect l="0" t="0" r="r" b="b"/>
                  <a:pathLst>
                    <a:path w="2452" h="185">
                      <a:moveTo>
                        <a:pt x="0" y="167"/>
                      </a:moveTo>
                      <a:cubicBezTo>
                        <a:pt x="943" y="0"/>
                        <a:pt x="1829" y="77"/>
                        <a:pt x="2452" y="185"/>
                      </a:cubicBezTo>
                    </a:path>
                  </a:pathLst>
                </a:custGeom>
                <a:noFill/>
                <a:ln w="6350" cap="flat" cmpd="sng">
                  <a:solidFill>
                    <a:srgbClr val="FFFFFE"/>
                  </a:solidFill>
                  <a:prstDash val="solid"/>
                  <a:miter lim="800000"/>
                  <a:headEnd/>
                  <a:tailEnd/>
                </a:ln>
                <a:effectLst/>
              </p:spPr>
              <p:txBody>
                <a:bodyPr/>
                <a:lstStyle/>
                <a:p>
                  <a:endParaRPr lang="en-US" dirty="0"/>
                </a:p>
              </p:txBody>
            </p:sp>
          </p:grpSp>
        </p:grp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0F1D27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5957340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5B03E79-25C9-40B2-B646-FDBA23BAD0BA}" type="datetimeFigureOut">
              <a:rPr lang="ja-JP" altLang="en-US"/>
              <a:pPr>
                <a:defRPr/>
              </a:pPr>
              <a:t>2017/5/21</a:t>
            </a:fld>
            <a:endParaRPr lang="en-US" altLang="ja-JP" dirty="0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 dirty="0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41A060B-E9F8-42C1-B271-5326294B70F6}" type="slidenum">
              <a:rPr lang="ja-JP" altLang="en-US"/>
              <a:pPr>
                <a:defRPr/>
              </a:pPr>
              <a:t>‹#›</a:t>
            </a:fld>
            <a:endParaRPr lang="en-US" altLang="ja-JP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chemeClr val="accent5">
                <a:lumMod val="40000"/>
                <a:lumOff val="60000"/>
              </a:schemeClr>
            </a:gs>
            <a:gs pos="33000">
              <a:schemeClr val="accent5">
                <a:lumMod val="95000"/>
                <a:lumOff val="5000"/>
              </a:schemeClr>
            </a:gs>
            <a:gs pos="100000">
              <a:schemeClr val="accent5">
                <a:lumMod val="60000"/>
              </a:schemeClr>
            </a:gs>
          </a:gsLst>
          <a:path path="circle">
            <a:fillToRect l="50000" t="130000" r="50000" b="-30000"/>
          </a:path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-8628" y="1600201"/>
            <a:ext cx="9152628" cy="42797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274320" tIns="45720" rIns="27432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 smtClean="0"/>
          </a:p>
        </p:txBody>
      </p:sp>
      <p:sp>
        <p:nvSpPr>
          <p:cNvPr id="29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-8628" y="1600201"/>
            <a:ext cx="9152628" cy="42797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274320" tIns="45720" rIns="27432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 smtClean="0"/>
          </a:p>
        </p:txBody>
      </p:sp>
      <p:sp>
        <p:nvSpPr>
          <p:cNvPr id="28" name="Title Placeholder 1"/>
          <p:cNvSpPr>
            <a:spLocks noGrp="1"/>
          </p:cNvSpPr>
          <p:nvPr>
            <p:ph type="title"/>
          </p:nvPr>
        </p:nvSpPr>
        <p:spPr bwMode="auto">
          <a:xfrm>
            <a:off x="1" y="100957"/>
            <a:ext cx="9116032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  <a:endParaRPr lang="en-US" dirty="0" smtClean="0"/>
          </a:p>
        </p:txBody>
      </p:sp>
      <p:grpSp>
        <p:nvGrpSpPr>
          <p:cNvPr id="66" name="Group 24"/>
          <p:cNvGrpSpPr>
            <a:grpSpLocks/>
          </p:cNvGrpSpPr>
          <p:nvPr/>
        </p:nvGrpSpPr>
        <p:grpSpPr bwMode="auto">
          <a:xfrm>
            <a:off x="5" y="6000405"/>
            <a:ext cx="9144000" cy="825511"/>
            <a:chOff x="106536600" y="113670488"/>
            <a:chExt cx="7300243" cy="825116"/>
          </a:xfrm>
        </p:grpSpPr>
        <p:sp>
          <p:nvSpPr>
            <p:cNvPr id="67" name="Freeform 25"/>
            <p:cNvSpPr>
              <a:spLocks/>
            </p:cNvSpPr>
            <p:nvPr/>
          </p:nvSpPr>
          <p:spPr bwMode="auto">
            <a:xfrm>
              <a:off x="106536600" y="113838520"/>
              <a:ext cx="7300243" cy="657084"/>
            </a:xfrm>
            <a:custGeom>
              <a:avLst/>
              <a:gdLst/>
              <a:ahLst/>
              <a:cxnLst>
                <a:cxn ang="0">
                  <a:pos x="0" y="145"/>
                </a:cxn>
                <a:cxn ang="0">
                  <a:pos x="2452" y="219"/>
                </a:cxn>
              </a:cxnLst>
              <a:rect l="0" t="0" r="r" b="b"/>
              <a:pathLst>
                <a:path w="2452" h="219">
                  <a:moveTo>
                    <a:pt x="0" y="145"/>
                  </a:moveTo>
                  <a:cubicBezTo>
                    <a:pt x="950" y="0"/>
                    <a:pt x="1836" y="98"/>
                    <a:pt x="2452" y="219"/>
                  </a:cubicBezTo>
                </a:path>
              </a:pathLst>
            </a:custGeom>
            <a:noFill/>
            <a:ln w="6350" cap="flat" cmpd="sng">
              <a:solidFill>
                <a:srgbClr val="FFFFFE"/>
              </a:solidFill>
              <a:prstDash val="solid"/>
              <a:miter lim="800000"/>
              <a:headEnd/>
              <a:tailEnd/>
            </a:ln>
            <a:effectLst/>
          </p:spPr>
          <p:txBody>
            <a:bodyPr/>
            <a:lstStyle/>
            <a:p>
              <a:endParaRPr lang="en-US" dirty="0"/>
            </a:p>
          </p:txBody>
        </p:sp>
        <p:sp>
          <p:nvSpPr>
            <p:cNvPr id="68" name="Freeform 26"/>
            <p:cNvSpPr>
              <a:spLocks/>
            </p:cNvSpPr>
            <p:nvPr/>
          </p:nvSpPr>
          <p:spPr bwMode="auto">
            <a:xfrm>
              <a:off x="106536600" y="113808515"/>
              <a:ext cx="7300243" cy="543070"/>
            </a:xfrm>
            <a:custGeom>
              <a:avLst/>
              <a:gdLst/>
              <a:ahLst/>
              <a:cxnLst>
                <a:cxn ang="0">
                  <a:pos x="0" y="181"/>
                </a:cxn>
                <a:cxn ang="0">
                  <a:pos x="2452" y="165"/>
                </a:cxn>
              </a:cxnLst>
              <a:rect l="0" t="0" r="r" b="b"/>
              <a:pathLst>
                <a:path w="2452" h="181">
                  <a:moveTo>
                    <a:pt x="0" y="181"/>
                  </a:moveTo>
                  <a:cubicBezTo>
                    <a:pt x="940" y="0"/>
                    <a:pt x="1828" y="65"/>
                    <a:pt x="2452" y="165"/>
                  </a:cubicBezTo>
                </a:path>
              </a:pathLst>
            </a:custGeom>
            <a:noFill/>
            <a:ln w="6350" cap="flat" cmpd="sng">
              <a:solidFill>
                <a:srgbClr val="FFFFFE"/>
              </a:solidFill>
              <a:prstDash val="solid"/>
              <a:miter lim="800000"/>
              <a:headEnd/>
              <a:tailEnd/>
            </a:ln>
            <a:effectLst/>
          </p:spPr>
          <p:txBody>
            <a:bodyPr/>
            <a:lstStyle/>
            <a:p>
              <a:endParaRPr lang="en-US" dirty="0"/>
            </a:p>
          </p:txBody>
        </p:sp>
        <p:sp>
          <p:nvSpPr>
            <p:cNvPr id="69" name="Freeform 27"/>
            <p:cNvSpPr>
              <a:spLocks/>
            </p:cNvSpPr>
            <p:nvPr/>
          </p:nvSpPr>
          <p:spPr bwMode="auto">
            <a:xfrm>
              <a:off x="106536600" y="113670488"/>
              <a:ext cx="7300243" cy="543069"/>
            </a:xfrm>
            <a:custGeom>
              <a:avLst/>
              <a:gdLst/>
              <a:ahLst/>
              <a:cxnLst>
                <a:cxn ang="0">
                  <a:pos x="2452" y="181"/>
                </a:cxn>
                <a:cxn ang="0">
                  <a:pos x="0" y="170"/>
                </a:cxn>
              </a:cxnLst>
              <a:rect l="0" t="0" r="r" b="b"/>
              <a:pathLst>
                <a:path w="2452" h="181">
                  <a:moveTo>
                    <a:pt x="2452" y="181"/>
                  </a:moveTo>
                  <a:cubicBezTo>
                    <a:pt x="1828" y="74"/>
                    <a:pt x="942" y="0"/>
                    <a:pt x="0" y="170"/>
                  </a:cubicBezTo>
                </a:path>
              </a:pathLst>
            </a:custGeom>
            <a:noFill/>
            <a:ln w="6350" cap="flat" cmpd="sng">
              <a:solidFill>
                <a:srgbClr val="EFB32F"/>
              </a:solidFill>
              <a:prstDash val="solid"/>
              <a:miter lim="800000"/>
              <a:headEnd/>
              <a:tailEnd/>
            </a:ln>
            <a:effectLst/>
          </p:spPr>
          <p:txBody>
            <a:bodyPr/>
            <a:lstStyle/>
            <a:p>
              <a:endParaRPr lang="en-US" dirty="0"/>
            </a:p>
          </p:txBody>
        </p:sp>
        <p:sp>
          <p:nvSpPr>
            <p:cNvPr id="70" name="Freeform 29"/>
            <p:cNvSpPr>
              <a:spLocks/>
            </p:cNvSpPr>
            <p:nvPr/>
          </p:nvSpPr>
          <p:spPr bwMode="auto">
            <a:xfrm>
              <a:off x="106536600" y="113895453"/>
              <a:ext cx="7300243" cy="546069"/>
            </a:xfrm>
            <a:custGeom>
              <a:avLst/>
              <a:gdLst/>
              <a:ahLst/>
              <a:cxnLst>
                <a:cxn ang="0">
                  <a:pos x="0" y="170"/>
                </a:cxn>
                <a:cxn ang="0">
                  <a:pos x="2452" y="182"/>
                </a:cxn>
              </a:cxnLst>
              <a:rect l="0" t="0" r="r" b="b"/>
              <a:pathLst>
                <a:path w="2452" h="182">
                  <a:moveTo>
                    <a:pt x="0" y="170"/>
                  </a:moveTo>
                  <a:cubicBezTo>
                    <a:pt x="942" y="0"/>
                    <a:pt x="1829" y="75"/>
                    <a:pt x="2452" y="182"/>
                  </a:cubicBezTo>
                </a:path>
              </a:pathLst>
            </a:custGeom>
            <a:noFill/>
            <a:ln w="6350" cap="flat" cmpd="sng">
              <a:solidFill>
                <a:srgbClr val="EFB32F"/>
              </a:solidFill>
              <a:prstDash val="solid"/>
              <a:miter lim="800000"/>
              <a:headEnd/>
              <a:tailEnd/>
            </a:ln>
            <a:effectLst/>
          </p:spPr>
          <p:txBody>
            <a:bodyPr/>
            <a:lstStyle/>
            <a:p>
              <a:endParaRPr lang="en-US" dirty="0"/>
            </a:p>
          </p:txBody>
        </p:sp>
        <p:sp>
          <p:nvSpPr>
            <p:cNvPr id="71" name="Freeform 28"/>
            <p:cNvSpPr>
              <a:spLocks/>
            </p:cNvSpPr>
            <p:nvPr/>
          </p:nvSpPr>
          <p:spPr bwMode="auto">
            <a:xfrm>
              <a:off x="106536600" y="113781357"/>
              <a:ext cx="7300243" cy="555070"/>
            </a:xfrm>
            <a:custGeom>
              <a:avLst/>
              <a:gdLst/>
              <a:ahLst/>
              <a:cxnLst>
                <a:cxn ang="0">
                  <a:pos x="0" y="167"/>
                </a:cxn>
                <a:cxn ang="0">
                  <a:pos x="2452" y="185"/>
                </a:cxn>
              </a:cxnLst>
              <a:rect l="0" t="0" r="r" b="b"/>
              <a:pathLst>
                <a:path w="2452" h="185">
                  <a:moveTo>
                    <a:pt x="0" y="167"/>
                  </a:moveTo>
                  <a:cubicBezTo>
                    <a:pt x="943" y="0"/>
                    <a:pt x="1829" y="77"/>
                    <a:pt x="2452" y="185"/>
                  </a:cubicBezTo>
                </a:path>
              </a:pathLst>
            </a:custGeom>
            <a:noFill/>
            <a:ln w="6350" cap="flat" cmpd="sng">
              <a:solidFill>
                <a:srgbClr val="FFFFFE"/>
              </a:solidFill>
              <a:prstDash val="solid"/>
              <a:miter lim="800000"/>
              <a:headEnd/>
              <a:tailEnd/>
            </a:ln>
            <a:effectLst/>
          </p:spPr>
          <p:txBody>
            <a:bodyPr/>
            <a:lstStyle/>
            <a:p>
              <a:endParaRPr lang="en-US" dirty="0"/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71" r:id="rId1"/>
    <p:sldLayoutId id="2147483690" r:id="rId2"/>
    <p:sldLayoutId id="2147483674" r:id="rId3"/>
    <p:sldLayoutId id="2147483693" r:id="rId4"/>
    <p:sldLayoutId id="2147483691" r:id="rId5"/>
    <p:sldLayoutId id="2147483689" r:id="rId6"/>
    <p:sldLayoutId id="2147483694" r:id="rId7"/>
    <p:sldLayoutId id="2147483692" r:id="rId8"/>
    <p:sldLayoutId id="2147483695" r:id="rId9"/>
    <p:sldLayoutId id="2147483696" r:id="rId10"/>
    <p:sldLayoutId id="2147483697" r:id="rId11"/>
  </p:sldLayoutIdLst>
  <p:timing>
    <p:tnLst>
      <p:par>
        <p:cTn id="1" dur="indefinite" restart="never" nodeType="tmRoot"/>
      </p:par>
    </p:tnLst>
  </p:timing>
  <p:hf sldNum="0" hdr="0" dt="0"/>
  <p:txStyles>
    <p:titleStyle>
      <a:lvl1pPr algn="ctr" rtl="0" eaLnBrk="1" fontAlgn="base" hangingPunct="1">
        <a:spcBef>
          <a:spcPct val="0"/>
        </a:spcBef>
        <a:spcAft>
          <a:spcPct val="0"/>
        </a:spcAft>
        <a:defRPr sz="3600" b="1" kern="1200">
          <a:solidFill>
            <a:srgbClr val="FFFFFF"/>
          </a:solidFill>
          <a:latin typeface="Arial Black"/>
          <a:ea typeface="+mj-ea"/>
          <a:cs typeface="+mj-cs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Font typeface="Arial" charset="0"/>
        <a:buChar char="•"/>
        <a:defRPr sz="3200" b="0" i="0" kern="1200" cap="none">
          <a:solidFill>
            <a:schemeClr val="bg1"/>
          </a:solidFill>
          <a:latin typeface="Arial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Font typeface="Arial" charset="0"/>
        <a:buChar char="–"/>
        <a:defRPr sz="2800" b="0" i="0" kern="1200" cap="none">
          <a:solidFill>
            <a:schemeClr val="bg1"/>
          </a:solidFill>
          <a:latin typeface="Arial"/>
          <a:ea typeface="+mn-ea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Font typeface="Arial" charset="0"/>
        <a:buChar char="•"/>
        <a:defRPr sz="2400" b="0" i="0" kern="1200" cap="none">
          <a:solidFill>
            <a:schemeClr val="bg1"/>
          </a:solidFill>
          <a:latin typeface="Arial"/>
          <a:ea typeface="+mn-ea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Font typeface="Arial" charset="0"/>
        <a:buChar char="–"/>
        <a:defRPr sz="2400" b="0" i="0" kern="1200" cap="none">
          <a:solidFill>
            <a:schemeClr val="bg1"/>
          </a:solidFill>
          <a:latin typeface="Arial"/>
          <a:ea typeface="+mn-ea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Font typeface="Arial" charset="0"/>
        <a:buChar char="»"/>
        <a:defRPr sz="2400" b="0" i="0" kern="1200" cap="none">
          <a:solidFill>
            <a:schemeClr val="bg1"/>
          </a:solidFill>
          <a:latin typeface="Arial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9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3.xml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9.jpeg"/><Relationship Id="rId3" Type="http://schemas.openxmlformats.org/officeDocument/2006/relationships/image" Target="../media/image14.jpeg"/><Relationship Id="rId7" Type="http://schemas.openxmlformats.org/officeDocument/2006/relationships/image" Target="../media/image18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7.jpeg"/><Relationship Id="rId5" Type="http://schemas.openxmlformats.org/officeDocument/2006/relationships/image" Target="../media/image16.jpeg"/><Relationship Id="rId10" Type="http://schemas.openxmlformats.org/officeDocument/2006/relationships/image" Target="../media/image21.jpeg"/><Relationship Id="rId4" Type="http://schemas.openxmlformats.org/officeDocument/2006/relationships/image" Target="../media/image15.jpeg"/><Relationship Id="rId9" Type="http://schemas.openxmlformats.org/officeDocument/2006/relationships/image" Target="../media/image20.jpe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.jpeg"/><Relationship Id="rId3" Type="http://schemas.openxmlformats.org/officeDocument/2006/relationships/image" Target="../media/image23.png"/><Relationship Id="rId7" Type="http://schemas.openxmlformats.org/officeDocument/2006/relationships/image" Target="../media/image27.png"/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6.jpeg"/><Relationship Id="rId5" Type="http://schemas.openxmlformats.org/officeDocument/2006/relationships/image" Target="../media/image25.jpeg"/><Relationship Id="rId4" Type="http://schemas.openxmlformats.org/officeDocument/2006/relationships/image" Target="../media/image24.jpeg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34.jpeg"/><Relationship Id="rId3" Type="http://schemas.openxmlformats.org/officeDocument/2006/relationships/image" Target="../media/image29.jpeg"/><Relationship Id="rId7" Type="http://schemas.openxmlformats.org/officeDocument/2006/relationships/image" Target="../media/image33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32.jpeg"/><Relationship Id="rId5" Type="http://schemas.openxmlformats.org/officeDocument/2006/relationships/image" Target="../media/image31.jpeg"/><Relationship Id="rId4" Type="http://schemas.openxmlformats.org/officeDocument/2006/relationships/image" Target="../media/image30.jpe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jpeg"/><Relationship Id="rId1" Type="http://schemas.openxmlformats.org/officeDocument/2006/relationships/slideLayout" Target="../slideLayouts/slideLayout5.xml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41.jpeg"/><Relationship Id="rId3" Type="http://schemas.openxmlformats.org/officeDocument/2006/relationships/image" Target="../media/image28.jpeg"/><Relationship Id="rId7" Type="http://schemas.openxmlformats.org/officeDocument/2006/relationships/image" Target="../media/image40.emf"/><Relationship Id="rId2" Type="http://schemas.openxmlformats.org/officeDocument/2006/relationships/image" Target="../media/image36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39.emf"/><Relationship Id="rId11" Type="http://schemas.openxmlformats.org/officeDocument/2006/relationships/image" Target="../media/image44.png"/><Relationship Id="rId5" Type="http://schemas.openxmlformats.org/officeDocument/2006/relationships/image" Target="../media/image38.jpeg"/><Relationship Id="rId10" Type="http://schemas.openxmlformats.org/officeDocument/2006/relationships/image" Target="../media/image43.png"/><Relationship Id="rId4" Type="http://schemas.openxmlformats.org/officeDocument/2006/relationships/image" Target="../media/image37.emf"/><Relationship Id="rId9" Type="http://schemas.openxmlformats.org/officeDocument/2006/relationships/image" Target="../media/image42.emf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hyperlink" Target="http://www.intelligentcompaction.com/wp/wp-content/uploads/2013/10/Veda-Viewer-Screen.jpeg" TargetMode="Externa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9.xml"/><Relationship Id="rId4" Type="http://schemas.openxmlformats.org/officeDocument/2006/relationships/image" Target="../media/image45.jpe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52.emf"/><Relationship Id="rId3" Type="http://schemas.openxmlformats.org/officeDocument/2006/relationships/image" Target="../media/image47.emf"/><Relationship Id="rId7" Type="http://schemas.openxmlformats.org/officeDocument/2006/relationships/image" Target="../media/image51.emf"/><Relationship Id="rId12" Type="http://schemas.openxmlformats.org/officeDocument/2006/relationships/image" Target="../media/image44.png"/><Relationship Id="rId2" Type="http://schemas.openxmlformats.org/officeDocument/2006/relationships/image" Target="../media/image46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50.emf"/><Relationship Id="rId11" Type="http://schemas.openxmlformats.org/officeDocument/2006/relationships/image" Target="../media/image55.jpeg"/><Relationship Id="rId5" Type="http://schemas.openxmlformats.org/officeDocument/2006/relationships/image" Target="../media/image49.emf"/><Relationship Id="rId10" Type="http://schemas.openxmlformats.org/officeDocument/2006/relationships/image" Target="../media/image54.emf"/><Relationship Id="rId4" Type="http://schemas.openxmlformats.org/officeDocument/2006/relationships/image" Target="../media/image48.emf"/><Relationship Id="rId9" Type="http://schemas.openxmlformats.org/officeDocument/2006/relationships/image" Target="../media/image53.emf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4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hyperlink" Target="http://www.intelligentcompaction.com/wp/wp-content/uploads/2013/10/Proof-Stats-Temperature-left-and-Semivariogram-right.jpeg" TargetMode="External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9.xml"/><Relationship Id="rId4" Type="http://schemas.openxmlformats.org/officeDocument/2006/relationships/image" Target="../media/image56.jpe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9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8.jpe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59.jpe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3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1.png"/><Relationship Id="rId1" Type="http://schemas.openxmlformats.org/officeDocument/2006/relationships/slideLayout" Target="../slideLayouts/slideLayout3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63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5.png"/><Relationship Id="rId2" Type="http://schemas.openxmlformats.org/officeDocument/2006/relationships/image" Target="../media/image64.png"/><Relationship Id="rId1" Type="http://schemas.openxmlformats.org/officeDocument/2006/relationships/slideLayout" Target="../slideLayouts/slideLayout3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6.png"/><Relationship Id="rId1" Type="http://schemas.openxmlformats.org/officeDocument/2006/relationships/slideLayout" Target="../slideLayouts/slideLayout3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7.png"/><Relationship Id="rId1" Type="http://schemas.openxmlformats.org/officeDocument/2006/relationships/slideLayout" Target="../slideLayouts/slideLayout3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8.png"/><Relationship Id="rId1" Type="http://schemas.openxmlformats.org/officeDocument/2006/relationships/slideLayout" Target="../slideLayouts/slideLayout3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9.png"/><Relationship Id="rId1" Type="http://schemas.openxmlformats.org/officeDocument/2006/relationships/slideLayout" Target="../slideLayouts/slideLayout3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0.png"/><Relationship Id="rId1" Type="http://schemas.openxmlformats.org/officeDocument/2006/relationships/slideLayout" Target="../slideLayouts/slideLayout3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1.png"/><Relationship Id="rId1" Type="http://schemas.openxmlformats.org/officeDocument/2006/relationships/slideLayout" Target="../slideLayouts/slideLayout3.xml"/></Relationships>
</file>

<file path=ppt/slides/_rels/slide35.xml.rels><?xml version="1.0" encoding="UTF-8" standalone="yes"?>
<Relationships xmlns="http://schemas.openxmlformats.org/package/2006/relationships"><Relationship Id="rId8" Type="http://schemas.openxmlformats.org/officeDocument/2006/relationships/image" Target="../media/image78.emf"/><Relationship Id="rId13" Type="http://schemas.openxmlformats.org/officeDocument/2006/relationships/image" Target="../media/image83.emf"/><Relationship Id="rId3" Type="http://schemas.openxmlformats.org/officeDocument/2006/relationships/image" Target="../media/image73.emf"/><Relationship Id="rId7" Type="http://schemas.openxmlformats.org/officeDocument/2006/relationships/image" Target="../media/image77.emf"/><Relationship Id="rId12" Type="http://schemas.openxmlformats.org/officeDocument/2006/relationships/image" Target="../media/image82.emf"/><Relationship Id="rId2" Type="http://schemas.openxmlformats.org/officeDocument/2006/relationships/image" Target="../media/image72.emf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76.emf"/><Relationship Id="rId11" Type="http://schemas.openxmlformats.org/officeDocument/2006/relationships/image" Target="../media/image81.emf"/><Relationship Id="rId5" Type="http://schemas.openxmlformats.org/officeDocument/2006/relationships/image" Target="../media/image75.emf"/><Relationship Id="rId10" Type="http://schemas.openxmlformats.org/officeDocument/2006/relationships/image" Target="../media/image80.emf"/><Relationship Id="rId4" Type="http://schemas.openxmlformats.org/officeDocument/2006/relationships/image" Target="../media/image74.emf"/><Relationship Id="rId9" Type="http://schemas.openxmlformats.org/officeDocument/2006/relationships/image" Target="../media/image79.emf"/></Relationships>
</file>

<file path=ppt/slides/_rels/slide36.xml.rels><?xml version="1.0" encoding="UTF-8" standalone="yes"?>
<Relationships xmlns="http://schemas.openxmlformats.org/package/2006/relationships"><Relationship Id="rId13" Type="http://schemas.openxmlformats.org/officeDocument/2006/relationships/image" Target="../media/image94.png"/><Relationship Id="rId18" Type="http://schemas.openxmlformats.org/officeDocument/2006/relationships/image" Target="../media/image99.png"/><Relationship Id="rId26" Type="http://schemas.openxmlformats.org/officeDocument/2006/relationships/image" Target="../media/image107.png"/><Relationship Id="rId39" Type="http://schemas.openxmlformats.org/officeDocument/2006/relationships/image" Target="../media/image120.png"/><Relationship Id="rId21" Type="http://schemas.openxmlformats.org/officeDocument/2006/relationships/image" Target="../media/image102.png"/><Relationship Id="rId34" Type="http://schemas.openxmlformats.org/officeDocument/2006/relationships/image" Target="../media/image115.png"/><Relationship Id="rId42" Type="http://schemas.openxmlformats.org/officeDocument/2006/relationships/image" Target="../media/image123.png"/><Relationship Id="rId47" Type="http://schemas.openxmlformats.org/officeDocument/2006/relationships/image" Target="../media/image128.png"/><Relationship Id="rId50" Type="http://schemas.openxmlformats.org/officeDocument/2006/relationships/image" Target="../media/image131.png"/><Relationship Id="rId55" Type="http://schemas.openxmlformats.org/officeDocument/2006/relationships/image" Target="../media/image136.png"/><Relationship Id="rId63" Type="http://schemas.openxmlformats.org/officeDocument/2006/relationships/image" Target="../media/image144.png"/><Relationship Id="rId68" Type="http://schemas.openxmlformats.org/officeDocument/2006/relationships/image" Target="../media/image149.png"/><Relationship Id="rId7" Type="http://schemas.openxmlformats.org/officeDocument/2006/relationships/image" Target="../media/image88.png"/><Relationship Id="rId71" Type="http://schemas.openxmlformats.org/officeDocument/2006/relationships/image" Target="../media/image152.png"/><Relationship Id="rId2" Type="http://schemas.openxmlformats.org/officeDocument/2006/relationships/notesSlide" Target="../notesSlides/notesSlide15.xml"/><Relationship Id="rId16" Type="http://schemas.openxmlformats.org/officeDocument/2006/relationships/image" Target="../media/image97.png"/><Relationship Id="rId29" Type="http://schemas.openxmlformats.org/officeDocument/2006/relationships/image" Target="../media/image110.png"/><Relationship Id="rId1" Type="http://schemas.openxmlformats.org/officeDocument/2006/relationships/slideLayout" Target="../slideLayouts/slideLayout11.xml"/><Relationship Id="rId6" Type="http://schemas.openxmlformats.org/officeDocument/2006/relationships/image" Target="../media/image87.png"/><Relationship Id="rId11" Type="http://schemas.openxmlformats.org/officeDocument/2006/relationships/image" Target="../media/image92.png"/><Relationship Id="rId24" Type="http://schemas.openxmlformats.org/officeDocument/2006/relationships/image" Target="../media/image105.png"/><Relationship Id="rId32" Type="http://schemas.openxmlformats.org/officeDocument/2006/relationships/image" Target="../media/image113.png"/><Relationship Id="rId37" Type="http://schemas.openxmlformats.org/officeDocument/2006/relationships/image" Target="../media/image118.png"/><Relationship Id="rId40" Type="http://schemas.openxmlformats.org/officeDocument/2006/relationships/image" Target="../media/image121.png"/><Relationship Id="rId45" Type="http://schemas.openxmlformats.org/officeDocument/2006/relationships/image" Target="../media/image126.png"/><Relationship Id="rId53" Type="http://schemas.openxmlformats.org/officeDocument/2006/relationships/image" Target="../media/image134.png"/><Relationship Id="rId58" Type="http://schemas.openxmlformats.org/officeDocument/2006/relationships/image" Target="../media/image139.png"/><Relationship Id="rId66" Type="http://schemas.openxmlformats.org/officeDocument/2006/relationships/image" Target="../media/image147.png"/><Relationship Id="rId5" Type="http://schemas.openxmlformats.org/officeDocument/2006/relationships/image" Target="../media/image86.png"/><Relationship Id="rId15" Type="http://schemas.openxmlformats.org/officeDocument/2006/relationships/image" Target="../media/image96.png"/><Relationship Id="rId23" Type="http://schemas.openxmlformats.org/officeDocument/2006/relationships/image" Target="../media/image104.png"/><Relationship Id="rId28" Type="http://schemas.openxmlformats.org/officeDocument/2006/relationships/image" Target="../media/image109.png"/><Relationship Id="rId36" Type="http://schemas.openxmlformats.org/officeDocument/2006/relationships/image" Target="../media/image117.png"/><Relationship Id="rId49" Type="http://schemas.openxmlformats.org/officeDocument/2006/relationships/image" Target="../media/image130.png"/><Relationship Id="rId57" Type="http://schemas.openxmlformats.org/officeDocument/2006/relationships/image" Target="../media/image138.png"/><Relationship Id="rId61" Type="http://schemas.openxmlformats.org/officeDocument/2006/relationships/image" Target="../media/image142.png"/><Relationship Id="rId10" Type="http://schemas.openxmlformats.org/officeDocument/2006/relationships/image" Target="../media/image91.png"/><Relationship Id="rId19" Type="http://schemas.openxmlformats.org/officeDocument/2006/relationships/image" Target="../media/image100.png"/><Relationship Id="rId31" Type="http://schemas.openxmlformats.org/officeDocument/2006/relationships/image" Target="../media/image112.png"/><Relationship Id="rId44" Type="http://schemas.openxmlformats.org/officeDocument/2006/relationships/image" Target="../media/image125.png"/><Relationship Id="rId52" Type="http://schemas.openxmlformats.org/officeDocument/2006/relationships/image" Target="../media/image133.png"/><Relationship Id="rId60" Type="http://schemas.openxmlformats.org/officeDocument/2006/relationships/image" Target="../media/image141.png"/><Relationship Id="rId65" Type="http://schemas.openxmlformats.org/officeDocument/2006/relationships/image" Target="../media/image146.png"/><Relationship Id="rId4" Type="http://schemas.openxmlformats.org/officeDocument/2006/relationships/image" Target="../media/image85.png"/><Relationship Id="rId9" Type="http://schemas.openxmlformats.org/officeDocument/2006/relationships/image" Target="../media/image90.png"/><Relationship Id="rId14" Type="http://schemas.openxmlformats.org/officeDocument/2006/relationships/image" Target="../media/image95.png"/><Relationship Id="rId22" Type="http://schemas.openxmlformats.org/officeDocument/2006/relationships/image" Target="../media/image103.png"/><Relationship Id="rId27" Type="http://schemas.openxmlformats.org/officeDocument/2006/relationships/image" Target="../media/image108.png"/><Relationship Id="rId30" Type="http://schemas.openxmlformats.org/officeDocument/2006/relationships/image" Target="../media/image111.png"/><Relationship Id="rId35" Type="http://schemas.openxmlformats.org/officeDocument/2006/relationships/image" Target="../media/image116.png"/><Relationship Id="rId43" Type="http://schemas.openxmlformats.org/officeDocument/2006/relationships/image" Target="../media/image124.png"/><Relationship Id="rId48" Type="http://schemas.openxmlformats.org/officeDocument/2006/relationships/image" Target="../media/image129.png"/><Relationship Id="rId56" Type="http://schemas.openxmlformats.org/officeDocument/2006/relationships/image" Target="../media/image137.png"/><Relationship Id="rId64" Type="http://schemas.openxmlformats.org/officeDocument/2006/relationships/image" Target="../media/image145.png"/><Relationship Id="rId69" Type="http://schemas.openxmlformats.org/officeDocument/2006/relationships/image" Target="../media/image150.png"/><Relationship Id="rId8" Type="http://schemas.openxmlformats.org/officeDocument/2006/relationships/image" Target="../media/image89.png"/><Relationship Id="rId51" Type="http://schemas.openxmlformats.org/officeDocument/2006/relationships/image" Target="../media/image132.png"/><Relationship Id="rId3" Type="http://schemas.openxmlformats.org/officeDocument/2006/relationships/image" Target="../media/image84.png"/><Relationship Id="rId12" Type="http://schemas.openxmlformats.org/officeDocument/2006/relationships/image" Target="../media/image93.png"/><Relationship Id="rId17" Type="http://schemas.openxmlformats.org/officeDocument/2006/relationships/image" Target="../media/image98.png"/><Relationship Id="rId25" Type="http://schemas.openxmlformats.org/officeDocument/2006/relationships/image" Target="../media/image106.png"/><Relationship Id="rId33" Type="http://schemas.openxmlformats.org/officeDocument/2006/relationships/image" Target="../media/image114.png"/><Relationship Id="rId38" Type="http://schemas.openxmlformats.org/officeDocument/2006/relationships/image" Target="../media/image119.png"/><Relationship Id="rId46" Type="http://schemas.openxmlformats.org/officeDocument/2006/relationships/image" Target="../media/image127.png"/><Relationship Id="rId59" Type="http://schemas.openxmlformats.org/officeDocument/2006/relationships/image" Target="../media/image140.png"/><Relationship Id="rId67" Type="http://schemas.openxmlformats.org/officeDocument/2006/relationships/image" Target="../media/image148.png"/><Relationship Id="rId20" Type="http://schemas.openxmlformats.org/officeDocument/2006/relationships/image" Target="../media/image101.png"/><Relationship Id="rId41" Type="http://schemas.openxmlformats.org/officeDocument/2006/relationships/image" Target="../media/image122.png"/><Relationship Id="rId54" Type="http://schemas.openxmlformats.org/officeDocument/2006/relationships/image" Target="../media/image135.png"/><Relationship Id="rId62" Type="http://schemas.openxmlformats.org/officeDocument/2006/relationships/image" Target="../media/image143.png"/><Relationship Id="rId70" Type="http://schemas.openxmlformats.org/officeDocument/2006/relationships/image" Target="../media/image151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3.png"/><Relationship Id="rId2" Type="http://schemas.openxmlformats.org/officeDocument/2006/relationships/hyperlink" Target="http://www.dot.ca.gov/hq/construc/ic/" TargetMode="External"/><Relationship Id="rId1" Type="http://schemas.openxmlformats.org/officeDocument/2006/relationships/slideLayout" Target="../slideLayouts/slideLayout10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3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4.jpeg"/><Relationship Id="rId1" Type="http://schemas.openxmlformats.org/officeDocument/2006/relationships/slideLayout" Target="../slideLayouts/slideLayout9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9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10.jpeg"/><Relationship Id="rId4" Type="http://schemas.openxmlformats.org/officeDocument/2006/relationships/image" Target="../media/image9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12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16" descr="C:\SDR\Job\Vorträge\2-Mediadaten\HCQ\HCQ Animation Bodenresonanz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580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074" name="タイトル 1"/>
          <p:cNvSpPr>
            <a:spLocks noGrp="1"/>
          </p:cNvSpPr>
          <p:nvPr>
            <p:ph type="ctrTitle" idx="4294967295"/>
          </p:nvPr>
        </p:nvSpPr>
        <p:spPr>
          <a:xfrm>
            <a:off x="381000" y="4419600"/>
            <a:ext cx="8072494" cy="930280"/>
          </a:xfrm>
        </p:spPr>
        <p:txBody>
          <a:bodyPr anchor="b"/>
          <a:lstStyle/>
          <a:p>
            <a:pPr eaLnBrk="1" hangingPunct="1"/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/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r>
              <a:rPr lang="en-US" altLang="ja-JP" sz="4000" b="1" dirty="0" smtClean="0">
                <a:ln>
                  <a:solidFill>
                    <a:srgbClr val="FF0000"/>
                  </a:solidFill>
                </a:ln>
                <a:solidFill>
                  <a:schemeClr val="bg1"/>
                </a:solidFill>
                <a:effectLst>
                  <a:outerShdw blurRad="50800" dist="50800" dir="5400000" algn="ctr" rotWithShape="0">
                    <a:schemeClr val="bg2"/>
                  </a:outerShdw>
                </a:effectLst>
                <a:latin typeface="Times New Roman" pitchFamily="18" charset="0"/>
                <a:ea typeface="ＭＳ 明朝" pitchFamily="17" charset="-128"/>
              </a:rPr>
              <a:t>INTELLIGENT COMPACTION</a:t>
            </a:r>
            <a:br>
              <a:rPr lang="en-US" altLang="ja-JP" sz="4000" b="1" dirty="0" smtClean="0">
                <a:ln>
                  <a:solidFill>
                    <a:srgbClr val="FF0000"/>
                  </a:solidFill>
                </a:ln>
                <a:solidFill>
                  <a:schemeClr val="bg1"/>
                </a:solidFill>
                <a:effectLst>
                  <a:outerShdw blurRad="50800" dist="50800" dir="5400000" algn="ctr" rotWithShape="0">
                    <a:schemeClr val="bg2"/>
                  </a:outerShdw>
                </a:effectLst>
                <a:latin typeface="Times New Roman" pitchFamily="18" charset="0"/>
                <a:ea typeface="ＭＳ 明朝" pitchFamily="17" charset="-128"/>
              </a:rPr>
            </a:br>
            <a:r>
              <a:rPr lang="en-US" altLang="ja-JP" sz="4000" b="1" dirty="0" smtClean="0">
                <a:ln>
                  <a:solidFill>
                    <a:srgbClr val="FF0000"/>
                  </a:solidFill>
                </a:ln>
                <a:solidFill>
                  <a:schemeClr val="bg1"/>
                </a:solidFill>
                <a:effectLst>
                  <a:outerShdw blurRad="50800" dist="50800" dir="5400000" algn="ctr" rotWithShape="0">
                    <a:schemeClr val="bg2"/>
                  </a:outerShdw>
                </a:effectLst>
                <a:latin typeface="Times New Roman" pitchFamily="18" charset="0"/>
                <a:ea typeface="ＭＳ 明朝" pitchFamily="17" charset="-128"/>
              </a:rPr>
              <a:t>NRRA Conference May 23-24, 2017</a:t>
            </a:r>
            <a:endParaRPr lang="ja-JP" altLang="en-US" sz="4000" b="1" dirty="0" smtClean="0">
              <a:ln>
                <a:solidFill>
                  <a:srgbClr val="FF0000"/>
                </a:solidFill>
              </a:ln>
              <a:solidFill>
                <a:schemeClr val="bg1"/>
              </a:solidFill>
              <a:effectLst>
                <a:outerShdw blurRad="50800" dist="50800" dir="5400000" algn="ctr" rotWithShape="0">
                  <a:schemeClr val="bg2"/>
                </a:outerShdw>
              </a:effectLst>
              <a:latin typeface="Times New Roman" pitchFamily="18" charset="0"/>
              <a:ea typeface="ＭＳ 明朝" pitchFamily="17" charset="-128"/>
            </a:endParaRPr>
          </a:p>
        </p:txBody>
      </p:sp>
      <p:sp>
        <p:nvSpPr>
          <p:cNvPr id="3075" name="サブタイトル 2"/>
          <p:cNvSpPr>
            <a:spLocks noGrp="1"/>
          </p:cNvSpPr>
          <p:nvPr>
            <p:ph type="subTitle" idx="4294967295"/>
          </p:nvPr>
        </p:nvSpPr>
        <p:spPr>
          <a:xfrm>
            <a:off x="-22860" y="5376550"/>
            <a:ext cx="9144000" cy="1219200"/>
          </a:xfrm>
          <a:effectLst>
            <a:glow rad="228600">
              <a:schemeClr val="accent6">
                <a:satMod val="175000"/>
                <a:alpha val="40000"/>
              </a:schemeClr>
            </a:glow>
          </a:effectLst>
        </p:spPr>
        <p:txBody>
          <a:bodyPr/>
          <a:lstStyle/>
          <a:p>
            <a:pPr marL="63500" indent="0" algn="ctr">
              <a:lnSpc>
                <a:spcPct val="80000"/>
              </a:lnSpc>
              <a:buNone/>
            </a:pPr>
            <a:r>
              <a:rPr lang="en-US" altLang="ja-JP" sz="28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ea typeface="ＭＳ 明朝" pitchFamily="17" charset="-128"/>
              </a:rPr>
              <a:t>Presenter:  Joseph Holland (Caltrans Research)</a:t>
            </a:r>
            <a:endParaRPr lang="en-US" altLang="ja-JP" sz="2800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imes New Roman" pitchFamily="18" charset="0"/>
              <a:ea typeface="ＭＳ 明朝" pitchFamily="17" charset="-128"/>
            </a:endParaRPr>
          </a:p>
          <a:p>
            <a:pPr marL="63500" indent="0" algn="ctr">
              <a:lnSpc>
                <a:spcPct val="80000"/>
              </a:lnSpc>
              <a:buNone/>
            </a:pPr>
            <a:r>
              <a:rPr lang="en-US" altLang="ja-JP" sz="28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ea typeface="ＭＳ 明朝" pitchFamily="17" charset="-128"/>
              </a:rPr>
              <a:t>Prepared by:  </a:t>
            </a:r>
            <a:r>
              <a:rPr lang="en-US" altLang="ja-JP" sz="28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ea typeface="ＭＳ 明朝" pitchFamily="17" charset="-128"/>
              </a:rPr>
              <a:t>Ebi</a:t>
            </a:r>
            <a:r>
              <a:rPr lang="en-US" altLang="ja-JP" sz="28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ea typeface="ＭＳ 明朝" pitchFamily="17" charset="-128"/>
              </a:rPr>
              <a:t> </a:t>
            </a:r>
            <a:r>
              <a:rPr lang="en-US" altLang="ja-JP" sz="28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ea typeface="ＭＳ 明朝" pitchFamily="17" charset="-128"/>
              </a:rPr>
              <a:t>Fini, </a:t>
            </a:r>
            <a:r>
              <a:rPr lang="en-US" altLang="ja-JP" sz="28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ea typeface="ＭＳ 明朝" pitchFamily="17" charset="-128"/>
              </a:rPr>
              <a:t>P.E  (Caltrans </a:t>
            </a:r>
            <a:r>
              <a:rPr lang="en-US" altLang="ja-JP" sz="28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ea typeface="ＭＳ 明朝" pitchFamily="17" charset="-128"/>
              </a:rPr>
              <a:t>Contruction</a:t>
            </a:r>
            <a:r>
              <a:rPr lang="en-US" altLang="ja-JP" sz="28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ea typeface="ＭＳ 明朝" pitchFamily="17" charset="-128"/>
              </a:rPr>
              <a:t>)</a:t>
            </a:r>
            <a:endParaRPr lang="en-US" altLang="ja-JP" sz="2800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imes New Roman" pitchFamily="18" charset="0"/>
              <a:ea typeface="ＭＳ 明朝" pitchFamily="17" charset="-128"/>
            </a:endParaRPr>
          </a:p>
          <a:p>
            <a:pPr marL="63500" indent="0" algn="ctr">
              <a:lnSpc>
                <a:spcPct val="80000"/>
              </a:lnSpc>
              <a:buNone/>
            </a:pPr>
            <a:endParaRPr lang="en-US" altLang="ja-JP" sz="3600" b="1" dirty="0" smtClean="0">
              <a:solidFill>
                <a:srgbClr val="C00000"/>
              </a:solidFill>
              <a:latin typeface="Times New Roman" pitchFamily="18" charset="0"/>
              <a:ea typeface="ＭＳ 明朝" pitchFamily="17" charset="-128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 descr="IC-vs-insitu-coverage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Text Box 3"/>
          <p:cNvSpPr txBox="1">
            <a:spLocks noChangeArrowheads="1"/>
          </p:cNvSpPr>
          <p:nvPr/>
        </p:nvSpPr>
        <p:spPr bwMode="auto">
          <a:xfrm>
            <a:off x="4845810" y="4605051"/>
            <a:ext cx="316941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eaLnBrk="0" hangingPunct="0"/>
            <a:r>
              <a:rPr lang="en-US" sz="3600" b="1" dirty="0">
                <a:solidFill>
                  <a:srgbClr val="0070C0"/>
                </a:solidFill>
              </a:rPr>
              <a:t>100 </a:t>
            </a:r>
            <a:r>
              <a:rPr lang="en-US" sz="3600" b="1" dirty="0" smtClean="0">
                <a:solidFill>
                  <a:srgbClr val="0070C0"/>
                </a:solidFill>
              </a:rPr>
              <a:t>% Coverage</a:t>
            </a:r>
            <a:endParaRPr lang="en-US" sz="3600" b="1" dirty="0">
              <a:solidFill>
                <a:srgbClr val="0070C0"/>
              </a:solidFill>
            </a:endParaRPr>
          </a:p>
        </p:txBody>
      </p:sp>
      <p:sp>
        <p:nvSpPr>
          <p:cNvPr id="5" name="Text Box 4"/>
          <p:cNvSpPr txBox="1">
            <a:spLocks noChangeArrowheads="1"/>
          </p:cNvSpPr>
          <p:nvPr/>
        </p:nvSpPr>
        <p:spPr bwMode="auto">
          <a:xfrm>
            <a:off x="4953000" y="990600"/>
            <a:ext cx="2877711" cy="6463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eaLnBrk="0" hangingPunct="0"/>
            <a:r>
              <a:rPr lang="en-US" sz="3600" b="1" dirty="0">
                <a:solidFill>
                  <a:srgbClr val="0070C0"/>
                </a:solidFill>
              </a:rPr>
              <a:t>1 / 1,000,000</a:t>
            </a:r>
          </a:p>
        </p:txBody>
      </p:sp>
      <p:sp>
        <p:nvSpPr>
          <p:cNvPr id="6" name="Text Box 5"/>
          <p:cNvSpPr txBox="1">
            <a:spLocks noChangeArrowheads="1"/>
          </p:cNvSpPr>
          <p:nvPr/>
        </p:nvSpPr>
        <p:spPr bwMode="auto">
          <a:xfrm>
            <a:off x="7906161" y="6602380"/>
            <a:ext cx="1237839" cy="2308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eaLnBrk="0" hangingPunct="0"/>
            <a:r>
              <a:rPr lang="en-US" sz="900" dirty="0">
                <a:solidFill>
                  <a:schemeClr val="bg1"/>
                </a:solidFill>
              </a:rPr>
              <a:t>Courtesy of </a:t>
            </a:r>
            <a:r>
              <a:rPr lang="en-US" sz="900" dirty="0" smtClean="0">
                <a:solidFill>
                  <a:schemeClr val="bg1"/>
                </a:solidFill>
              </a:rPr>
              <a:t>Caterpillar</a:t>
            </a:r>
            <a:endParaRPr lang="en-US" sz="900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7239000" y="3505200"/>
            <a:ext cx="1905000" cy="38100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(IC)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643508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nstrumented Rolling Train</a:t>
            </a:r>
          </a:p>
        </p:txBody>
      </p:sp>
      <p:pic>
        <p:nvPicPr>
          <p:cNvPr id="5" name="Content Placeholder 3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392604" y="4224528"/>
            <a:ext cx="2596896" cy="1947672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pic>
      <p:pic>
        <p:nvPicPr>
          <p:cNvPr id="6" name="Content Placeholder 3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002200" y="4232554"/>
            <a:ext cx="2596896" cy="1947672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304800" y="1516989"/>
            <a:ext cx="2151962" cy="1988949"/>
          </a:xfrm>
          <a:prstGeom prst="rect">
            <a:avLst/>
          </a:prstGeom>
          <a:ln>
            <a:solidFill>
              <a:srgbClr val="000000"/>
            </a:solidFill>
          </a:ln>
        </p:spPr>
      </p:pic>
      <p:pic>
        <p:nvPicPr>
          <p:cNvPr id="10" name="Picture 9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6399456" y="1511808"/>
            <a:ext cx="2428240" cy="1993392"/>
          </a:xfrm>
          <a:prstGeom prst="rect">
            <a:avLst/>
          </a:prstGeom>
          <a:ln>
            <a:solidFill>
              <a:srgbClr val="000000"/>
            </a:solidFill>
          </a:ln>
        </p:spPr>
      </p:pic>
      <p:sp>
        <p:nvSpPr>
          <p:cNvPr id="11" name="TextBox 10"/>
          <p:cNvSpPr txBox="1"/>
          <p:nvPr/>
        </p:nvSpPr>
        <p:spPr>
          <a:xfrm>
            <a:off x="1400536" y="3507711"/>
            <a:ext cx="6247911" cy="64633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>
                <a:solidFill>
                  <a:schemeClr val="bg1"/>
                </a:solidFill>
              </a:rPr>
              <a:t>HMA </a:t>
            </a:r>
            <a:r>
              <a:rPr lang="en-US" b="1" dirty="0">
                <a:solidFill>
                  <a:schemeClr val="bg1"/>
                </a:solidFill>
              </a:rPr>
              <a:t>Rolling Train</a:t>
            </a:r>
          </a:p>
          <a:p>
            <a:pPr algn="ctr"/>
            <a:endParaRPr lang="en-US" b="1" dirty="0">
              <a:solidFill>
                <a:schemeClr val="bg1"/>
              </a:solidFill>
            </a:endParaRPr>
          </a:p>
        </p:txBody>
      </p:sp>
      <p:sp>
        <p:nvSpPr>
          <p:cNvPr id="13" name="Text Box 6"/>
          <p:cNvSpPr txBox="1">
            <a:spLocks noChangeArrowheads="1"/>
          </p:cNvSpPr>
          <p:nvPr/>
        </p:nvSpPr>
        <p:spPr bwMode="auto">
          <a:xfrm>
            <a:off x="6555574" y="6535738"/>
            <a:ext cx="2512226" cy="24622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000" dirty="0">
                <a:solidFill>
                  <a:schemeClr val="bg1"/>
                </a:solidFill>
                <a:cs typeface="Arial" pitchFamily="34" charset="0"/>
              </a:rPr>
              <a:t>Courtesy of </a:t>
            </a:r>
            <a:r>
              <a:rPr lang="en-US" sz="1000" dirty="0" smtClean="0">
                <a:solidFill>
                  <a:schemeClr val="bg1"/>
                </a:solidFill>
                <a:cs typeface="Arial" pitchFamily="34" charset="0"/>
              </a:rPr>
              <a:t>Rebecca Embacher, MnDOT</a:t>
            </a:r>
            <a:endParaRPr lang="en-US" sz="1000" dirty="0">
              <a:solidFill>
                <a:schemeClr val="bg1"/>
              </a:solidFill>
              <a:cs typeface="Arial" pitchFamily="34" charset="0"/>
            </a:endParaRPr>
          </a:p>
        </p:txBody>
      </p:sp>
      <p:pic>
        <p:nvPicPr>
          <p:cNvPr id="3" name="Content Placeholder 3"/>
          <p:cNvPicPr>
            <a:picLocks noChangeAspect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222158" y="4223000"/>
            <a:ext cx="2590800" cy="19431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pic>
      <p:pic>
        <p:nvPicPr>
          <p:cNvPr id="4" name="Content Placeholder 3"/>
          <p:cNvPicPr>
            <a:picLocks noChangeAspect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4064" y="4218428"/>
            <a:ext cx="1460754" cy="1947672"/>
          </a:xfrm>
          <a:prstGeom prst="rect">
            <a:avLst/>
          </a:prstGeom>
          <a:ln>
            <a:solidFill>
              <a:srgbClr val="000000"/>
            </a:solidFill>
          </a:ln>
        </p:spPr>
      </p:pic>
      <p:pic>
        <p:nvPicPr>
          <p:cNvPr id="9" name="Picture 8"/>
          <p:cNvPicPr>
            <a:picLocks noChangeAspect="1"/>
          </p:cNvPicPr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2197100" y="1517199"/>
            <a:ext cx="2215716" cy="1997112"/>
          </a:xfrm>
          <a:prstGeom prst="rect">
            <a:avLst/>
          </a:prstGeom>
          <a:ln>
            <a:solidFill>
              <a:srgbClr val="000000"/>
            </a:solidFill>
          </a:ln>
        </p:spPr>
      </p:pic>
      <p:pic>
        <p:nvPicPr>
          <p:cNvPr id="8" name="Picture 2" descr="P:\Bituminous\Digital_Pictures\2012 construction\TH 56 IC - Mathy -Kenyon\DSCN4005.JPG"/>
          <p:cNvPicPr>
            <a:picLocks noChangeAspect="1" noChangeArrowheads="1"/>
          </p:cNvPicPr>
          <p:nvPr/>
        </p:nvPicPr>
        <p:blipFill rotWithShape="1"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4146823" y="1520255"/>
            <a:ext cx="2469877" cy="1993392"/>
          </a:xfrm>
          <a:prstGeom prst="rect">
            <a:avLst/>
          </a:prstGeom>
          <a:noFill/>
          <a:ln>
            <a:solidFill>
              <a:srgbClr val="000000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Rectangle 13"/>
          <p:cNvSpPr/>
          <p:nvPr/>
        </p:nvSpPr>
        <p:spPr>
          <a:xfrm>
            <a:off x="344064" y="6166100"/>
            <a:ext cx="8255032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chemeClr val="bg1"/>
                </a:solidFill>
              </a:rPr>
              <a:t>Stabilized </a:t>
            </a:r>
            <a:r>
              <a:rPr lang="en-US" b="1" dirty="0">
                <a:solidFill>
                  <a:schemeClr val="bg1"/>
                </a:solidFill>
              </a:rPr>
              <a:t>/ Un-stabilized Full Depth Reclamation (FDR) 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350367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C Retrofi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 rot="5400000">
            <a:off x="2248694" y="3509168"/>
            <a:ext cx="838200" cy="1588"/>
          </a:xfrm>
          <a:prstGeom prst="line">
            <a:avLst/>
          </a:prstGeom>
          <a:ln w="381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10800000">
            <a:off x="2667000" y="3919537"/>
            <a:ext cx="1065213" cy="1588"/>
          </a:xfrm>
          <a:prstGeom prst="line">
            <a:avLst/>
          </a:prstGeom>
          <a:ln w="381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1447007" y="4833143"/>
            <a:ext cx="304800" cy="1587"/>
          </a:xfrm>
          <a:prstGeom prst="line">
            <a:avLst/>
          </a:prstGeom>
          <a:ln w="381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rot="10800000">
            <a:off x="1598613" y="4976812"/>
            <a:ext cx="685800" cy="1588"/>
          </a:xfrm>
          <a:prstGeom prst="line">
            <a:avLst/>
          </a:prstGeom>
          <a:ln w="381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10800000">
            <a:off x="7085013" y="4995862"/>
            <a:ext cx="685800" cy="1588"/>
          </a:xfrm>
          <a:prstGeom prst="line">
            <a:avLst/>
          </a:prstGeom>
          <a:ln w="381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9" name="Picture 8" descr="MS972%20077.jpg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80500" y="2336754"/>
            <a:ext cx="843900" cy="668383"/>
          </a:xfrm>
          <a:prstGeom prst="rect">
            <a:avLst/>
          </a:prstGeom>
          <a:scene3d>
            <a:camera prst="orthographicFront">
              <a:rot lat="0" lon="0" rev="0"/>
            </a:camera>
            <a:lightRig rig="threePt" dir="t"/>
          </a:scene3d>
        </p:spPr>
      </p:pic>
      <p:pic>
        <p:nvPicPr>
          <p:cNvPr id="10" name="Picture 19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62200" y="1328737"/>
            <a:ext cx="574675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11" name="Straight Connector 10"/>
          <p:cNvCxnSpPr/>
          <p:nvPr/>
        </p:nvCxnSpPr>
        <p:spPr>
          <a:xfrm rot="16200000" flipH="1">
            <a:off x="2552700" y="2052637"/>
            <a:ext cx="228600" cy="0"/>
          </a:xfrm>
          <a:prstGeom prst="line">
            <a:avLst/>
          </a:prstGeom>
          <a:ln w="381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44"/>
          <p:cNvSpPr txBox="1">
            <a:spLocks noChangeArrowheads="1"/>
          </p:cNvSpPr>
          <p:nvPr/>
        </p:nvSpPr>
        <p:spPr bwMode="auto">
          <a:xfrm>
            <a:off x="2278063" y="1066800"/>
            <a:ext cx="846137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b="1" dirty="0">
                <a:solidFill>
                  <a:schemeClr val="bg1"/>
                </a:solidFill>
              </a:rPr>
              <a:t>Printer</a:t>
            </a:r>
          </a:p>
        </p:txBody>
      </p:sp>
      <p:sp>
        <p:nvSpPr>
          <p:cNvPr id="13" name="TextBox 51"/>
          <p:cNvSpPr txBox="1">
            <a:spLocks noChangeArrowheads="1"/>
          </p:cNvSpPr>
          <p:nvPr/>
        </p:nvSpPr>
        <p:spPr bwMode="auto">
          <a:xfrm>
            <a:off x="2071688" y="2166937"/>
            <a:ext cx="1357312" cy="338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b="1" dirty="0">
                <a:solidFill>
                  <a:schemeClr val="bg1"/>
                </a:solidFill>
              </a:rPr>
              <a:t>Control Box</a:t>
            </a:r>
          </a:p>
        </p:txBody>
      </p:sp>
      <p:sp>
        <p:nvSpPr>
          <p:cNvPr id="14" name="TextBox 55"/>
          <p:cNvSpPr txBox="1">
            <a:spLocks noChangeArrowheads="1"/>
          </p:cNvSpPr>
          <p:nvPr/>
        </p:nvSpPr>
        <p:spPr bwMode="auto">
          <a:xfrm>
            <a:off x="3505200" y="1965692"/>
            <a:ext cx="1676400" cy="338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b">
            <a:spAutoFit/>
          </a:bodyPr>
          <a:lstStyle/>
          <a:p>
            <a:pPr algn="ctr"/>
            <a:r>
              <a:rPr lang="en-US" sz="1600" b="1" dirty="0">
                <a:solidFill>
                  <a:schemeClr val="bg1"/>
                </a:solidFill>
              </a:rPr>
              <a:t>GNSS Receiver</a:t>
            </a:r>
          </a:p>
        </p:txBody>
      </p:sp>
      <p:cxnSp>
        <p:nvCxnSpPr>
          <p:cNvPr id="15" name="Straight Connector 14"/>
          <p:cNvCxnSpPr/>
          <p:nvPr/>
        </p:nvCxnSpPr>
        <p:spPr>
          <a:xfrm rot="5400000">
            <a:off x="4113213" y="3155949"/>
            <a:ext cx="304800" cy="3175"/>
          </a:xfrm>
          <a:prstGeom prst="line">
            <a:avLst/>
          </a:prstGeom>
          <a:ln w="381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/>
          <p:nvPr/>
        </p:nvCxnSpPr>
        <p:spPr>
          <a:xfrm rot="5400000">
            <a:off x="7620794" y="4833143"/>
            <a:ext cx="304800" cy="1588"/>
          </a:xfrm>
          <a:prstGeom prst="line">
            <a:avLst/>
          </a:prstGeom>
          <a:ln w="381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7" name="Picture 36" descr="C:\Users\jsnoeck\Documents\P_3D Rolling\Matai - CCSFlex and ACOM\MarCom\pics and vids\IS310%20Infrared%20Temperature%20Sensor%20001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-2489771">
            <a:off x="7620000" y="4133850"/>
            <a:ext cx="407988" cy="993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8" name="Picture 36" descr="C:\Users\jsnoeck\Documents\P_3D Rolling\Matai - CCSFlex and ACOM\MarCom\pics and vids\IS310%20Infrared%20Temperature%20Sensor%20001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465490">
            <a:off x="1190625" y="4159250"/>
            <a:ext cx="407988" cy="9953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9" name="TextBox 43"/>
          <p:cNvSpPr txBox="1">
            <a:spLocks noChangeArrowheads="1"/>
          </p:cNvSpPr>
          <p:nvPr/>
        </p:nvSpPr>
        <p:spPr bwMode="auto">
          <a:xfrm>
            <a:off x="609600" y="3733800"/>
            <a:ext cx="141128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b="1" dirty="0">
                <a:solidFill>
                  <a:schemeClr val="bg1"/>
                </a:solidFill>
              </a:rPr>
              <a:t>Temperature</a:t>
            </a:r>
          </a:p>
          <a:p>
            <a:r>
              <a:rPr lang="en-US" sz="1600" b="1" dirty="0">
                <a:solidFill>
                  <a:schemeClr val="bg1"/>
                </a:solidFill>
              </a:rPr>
              <a:t>Sensor</a:t>
            </a:r>
          </a:p>
        </p:txBody>
      </p:sp>
      <p:sp>
        <p:nvSpPr>
          <p:cNvPr id="20" name="TextBox 41"/>
          <p:cNvSpPr txBox="1">
            <a:spLocks noChangeArrowheads="1"/>
          </p:cNvSpPr>
          <p:nvPr/>
        </p:nvSpPr>
        <p:spPr bwMode="auto">
          <a:xfrm>
            <a:off x="7732712" y="3810000"/>
            <a:ext cx="141128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b="1" dirty="0">
                <a:solidFill>
                  <a:schemeClr val="bg1"/>
                </a:solidFill>
              </a:rPr>
              <a:t>Temperature</a:t>
            </a:r>
          </a:p>
          <a:p>
            <a:r>
              <a:rPr lang="en-US" sz="1600" b="1" dirty="0">
                <a:solidFill>
                  <a:schemeClr val="bg1"/>
                </a:solidFill>
              </a:rPr>
              <a:t>Sensor</a:t>
            </a:r>
          </a:p>
        </p:txBody>
      </p:sp>
      <p:grpSp>
        <p:nvGrpSpPr>
          <p:cNvPr id="21" name="Group 20"/>
          <p:cNvGrpSpPr>
            <a:grpSpLocks/>
          </p:cNvGrpSpPr>
          <p:nvPr/>
        </p:nvGrpSpPr>
        <p:grpSpPr bwMode="auto">
          <a:xfrm>
            <a:off x="2233613" y="2463800"/>
            <a:ext cx="1042987" cy="617537"/>
            <a:chOff x="2233613" y="2659063"/>
            <a:chExt cx="1042987" cy="617537"/>
          </a:xfrm>
        </p:grpSpPr>
        <p:pic>
          <p:nvPicPr>
            <p:cNvPr id="22" name="Picture 20" descr="CB460_front.jpg"/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233613" y="2659063"/>
              <a:ext cx="1042987" cy="61753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grpSp>
          <p:nvGrpSpPr>
            <p:cNvPr id="23" name="Group 22"/>
            <p:cNvGrpSpPr>
              <a:grpSpLocks/>
            </p:cNvGrpSpPr>
            <p:nvPr/>
          </p:nvGrpSpPr>
          <p:grpSpPr bwMode="auto">
            <a:xfrm>
              <a:off x="2438400" y="2819400"/>
              <a:ext cx="533400" cy="315370"/>
              <a:chOff x="4267200" y="3996950"/>
              <a:chExt cx="4724400" cy="2719220"/>
            </a:xfrm>
          </p:grpSpPr>
          <p:pic>
            <p:nvPicPr>
              <p:cNvPr id="24" name="Picture 23" descr="zoom out.JPG"/>
              <p:cNvPicPr>
                <a:picLocks noChangeAspect="1"/>
              </p:cNvPicPr>
              <p:nvPr/>
            </p:nvPicPr>
            <p:blipFill>
              <a:blip r:embed="rId6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4267200" y="3996950"/>
                <a:ext cx="4724400" cy="271922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  <p:pic>
            <p:nvPicPr>
              <p:cNvPr id="25" name="Picture 8"/>
              <p:cNvPicPr>
                <a:picLocks noChangeAspect="1" noChangeArrowheads="1"/>
              </p:cNvPicPr>
              <p:nvPr/>
            </p:nvPicPr>
            <p:blipFill>
              <a:blip r:embed="rId7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638800" y="6460671"/>
                <a:ext cx="1143000" cy="244929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</p:grpSp>
      </p:grpSp>
      <p:pic>
        <p:nvPicPr>
          <p:cNvPr id="26" name="Picture 3"/>
          <p:cNvPicPr>
            <a:picLocks noChangeAspect="1" noChangeArrowheads="1"/>
          </p:cNvPicPr>
          <p:nvPr/>
        </p:nvPicPr>
        <p:blipFill>
          <a:blip r:embed="rId8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28800" y="2932480"/>
            <a:ext cx="5578475" cy="36052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7" name="Text Box 23"/>
          <p:cNvSpPr txBox="1">
            <a:spLocks noChangeArrowheads="1"/>
          </p:cNvSpPr>
          <p:nvPr/>
        </p:nvSpPr>
        <p:spPr bwMode="auto">
          <a:xfrm>
            <a:off x="7696200" y="6232892"/>
            <a:ext cx="1191352" cy="2308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eaLnBrk="0" hangingPunct="0"/>
            <a:r>
              <a:rPr lang="en-US" sz="900" dirty="0">
                <a:solidFill>
                  <a:schemeClr val="bg1"/>
                </a:solidFill>
              </a:rPr>
              <a:t>Courtesy of </a:t>
            </a:r>
            <a:r>
              <a:rPr lang="en-US" sz="900" dirty="0" smtClean="0">
                <a:solidFill>
                  <a:schemeClr val="bg1"/>
                </a:solidFill>
              </a:rPr>
              <a:t>Trimble</a:t>
            </a:r>
            <a:endParaRPr lang="en-US" sz="900" dirty="0">
              <a:solidFill>
                <a:schemeClr val="bg1"/>
              </a:solidFill>
            </a:endParaRPr>
          </a:p>
        </p:txBody>
      </p:sp>
      <p:sp>
        <p:nvSpPr>
          <p:cNvPr id="28" name="TextBox 43"/>
          <p:cNvSpPr txBox="1">
            <a:spLocks noChangeArrowheads="1"/>
          </p:cNvSpPr>
          <p:nvPr/>
        </p:nvSpPr>
        <p:spPr bwMode="auto">
          <a:xfrm>
            <a:off x="3571864" y="6046738"/>
            <a:ext cx="160973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b="1" dirty="0" smtClean="0">
                <a:solidFill>
                  <a:schemeClr val="bg1"/>
                </a:solidFill>
              </a:rPr>
              <a:t>Accelerometer</a:t>
            </a:r>
            <a:endParaRPr lang="en-US" sz="1600" b="1" dirty="0">
              <a:solidFill>
                <a:schemeClr val="bg1"/>
              </a:solidFill>
            </a:endParaRPr>
          </a:p>
        </p:txBody>
      </p:sp>
      <p:cxnSp>
        <p:nvCxnSpPr>
          <p:cNvPr id="29" name="Elbow Connector 28"/>
          <p:cNvCxnSpPr>
            <a:stCxn id="28" idx="1"/>
          </p:cNvCxnSpPr>
          <p:nvPr/>
        </p:nvCxnSpPr>
        <p:spPr bwMode="auto">
          <a:xfrm rot="10800000">
            <a:off x="2971800" y="5470893"/>
            <a:ext cx="600064" cy="745123"/>
          </a:xfrm>
          <a:prstGeom prst="bentConnector2">
            <a:avLst/>
          </a:prstGeom>
          <a:solidFill>
            <a:schemeClr val="accent1"/>
          </a:solidFill>
          <a:ln w="25400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</p:spTree>
    <p:extLst>
      <p:ext uri="{BB962C8B-B14F-4D97-AF65-F5344CB8AC3E}">
        <p14:creationId xmlns:p14="http://schemas.microsoft.com/office/powerpoint/2010/main" val="1902517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n Example IC System</a:t>
            </a:r>
            <a:endParaRPr lang="en-US" dirty="0"/>
          </a:p>
        </p:txBody>
      </p:sp>
      <p:pic>
        <p:nvPicPr>
          <p:cNvPr id="3" name="Picture 6" descr="HAMM-IC-dbledrum-sideview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19400" y="1828800"/>
            <a:ext cx="4419600" cy="3368675"/>
          </a:xfrm>
          <a:prstGeom prst="roundRect">
            <a:avLst/>
          </a:prstGeom>
          <a:noFill/>
        </p:spPr>
      </p:pic>
      <p:pic>
        <p:nvPicPr>
          <p:cNvPr id="4" name="Picture 7" descr="HAMM-GPS-OmniSTAR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62800" y="1600200"/>
            <a:ext cx="1981200" cy="1789113"/>
          </a:xfrm>
          <a:prstGeom prst="roundRect">
            <a:avLst/>
          </a:prstGeom>
          <a:noFill/>
        </p:spPr>
      </p:pic>
      <p:pic>
        <p:nvPicPr>
          <p:cNvPr id="5" name="Picture 8" descr="HAMM-IC-Accelerometer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81400" y="5141913"/>
            <a:ext cx="1828800" cy="1357312"/>
          </a:xfrm>
          <a:prstGeom prst="roundRect">
            <a:avLst/>
          </a:prstGeom>
          <a:noFill/>
        </p:spPr>
      </p:pic>
      <p:pic>
        <p:nvPicPr>
          <p:cNvPr id="6" name="Picture 9" descr="HAMM-IC-HCQ-Display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2400" y="1600200"/>
            <a:ext cx="2286000" cy="1738313"/>
          </a:xfrm>
          <a:prstGeom prst="roundRect">
            <a:avLst/>
          </a:prstGeom>
          <a:noFill/>
        </p:spPr>
      </p:pic>
      <p:pic>
        <p:nvPicPr>
          <p:cNvPr id="7" name="Picture 10" descr="HAMM-IC-TemoperatureSensor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8600" y="4495800"/>
            <a:ext cx="1752600" cy="1674813"/>
          </a:xfrm>
          <a:prstGeom prst="roundRect">
            <a:avLst/>
          </a:prstGeom>
          <a:noFill/>
        </p:spPr>
      </p:pic>
      <p:sp>
        <p:nvSpPr>
          <p:cNvPr id="8" name="Text Box 11"/>
          <p:cNvSpPr txBox="1">
            <a:spLocks noChangeArrowheads="1"/>
          </p:cNvSpPr>
          <p:nvPr/>
        </p:nvSpPr>
        <p:spPr bwMode="auto">
          <a:xfrm>
            <a:off x="3429000" y="6461125"/>
            <a:ext cx="2057400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000" b="1" dirty="0">
                <a:solidFill>
                  <a:schemeClr val="bg1"/>
                </a:solidFill>
              </a:rPr>
              <a:t>Accelerometer</a:t>
            </a:r>
          </a:p>
        </p:txBody>
      </p:sp>
      <p:sp>
        <p:nvSpPr>
          <p:cNvPr id="9" name="Line 12"/>
          <p:cNvSpPr>
            <a:spLocks noChangeShapeType="1"/>
          </p:cNvSpPr>
          <p:nvPr/>
        </p:nvSpPr>
        <p:spPr bwMode="auto">
          <a:xfrm rot="10800000">
            <a:off x="4876800" y="2971800"/>
            <a:ext cx="1981200" cy="2209800"/>
          </a:xfrm>
          <a:prstGeom prst="line">
            <a:avLst/>
          </a:prstGeom>
          <a:noFill/>
          <a:ln w="38100">
            <a:solidFill>
              <a:srgbClr val="FF9933"/>
            </a:solidFill>
            <a:round/>
            <a:headEnd/>
            <a:tailEnd type="triangle" w="med" len="med"/>
          </a:ln>
        </p:spPr>
        <p:txBody>
          <a:bodyPr/>
          <a:lstStyle/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0" name="Text Box 13"/>
          <p:cNvSpPr txBox="1">
            <a:spLocks noChangeArrowheads="1"/>
          </p:cNvSpPr>
          <p:nvPr/>
        </p:nvSpPr>
        <p:spPr bwMode="auto">
          <a:xfrm>
            <a:off x="7315200" y="3413125"/>
            <a:ext cx="1371600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000" b="1" dirty="0">
                <a:solidFill>
                  <a:schemeClr val="bg1"/>
                </a:solidFill>
              </a:rPr>
              <a:t>GPS Receiver </a:t>
            </a:r>
          </a:p>
        </p:txBody>
      </p:sp>
      <p:sp>
        <p:nvSpPr>
          <p:cNvPr id="11" name="Line 14"/>
          <p:cNvSpPr>
            <a:spLocks noChangeShapeType="1"/>
          </p:cNvSpPr>
          <p:nvPr/>
        </p:nvSpPr>
        <p:spPr bwMode="auto">
          <a:xfrm rot="10800000" flipV="1">
            <a:off x="5562600" y="1828800"/>
            <a:ext cx="1600200" cy="76200"/>
          </a:xfrm>
          <a:prstGeom prst="line">
            <a:avLst/>
          </a:prstGeom>
          <a:noFill/>
          <a:ln w="38100">
            <a:solidFill>
              <a:srgbClr val="FF9933"/>
            </a:solidFill>
            <a:round/>
            <a:headEnd/>
            <a:tailEnd type="triangle" w="med" len="med"/>
          </a:ln>
        </p:spPr>
        <p:txBody>
          <a:bodyPr/>
          <a:lstStyle/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2" name="Line 16"/>
          <p:cNvSpPr>
            <a:spLocks noChangeShapeType="1"/>
          </p:cNvSpPr>
          <p:nvPr/>
        </p:nvSpPr>
        <p:spPr bwMode="auto">
          <a:xfrm rot="10800000" flipH="1">
            <a:off x="2438400" y="2286000"/>
            <a:ext cx="2362200" cy="76200"/>
          </a:xfrm>
          <a:prstGeom prst="line">
            <a:avLst/>
          </a:prstGeom>
          <a:noFill/>
          <a:ln w="38100">
            <a:solidFill>
              <a:srgbClr val="FF9933"/>
            </a:solidFill>
            <a:round/>
            <a:headEnd/>
            <a:tailEnd type="triangle" w="med" len="med"/>
          </a:ln>
        </p:spPr>
        <p:txBody>
          <a:bodyPr/>
          <a:lstStyle/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3" name="Text Box 17"/>
          <p:cNvSpPr txBox="1">
            <a:spLocks noChangeArrowheads="1"/>
          </p:cNvSpPr>
          <p:nvPr/>
        </p:nvSpPr>
        <p:spPr bwMode="auto">
          <a:xfrm>
            <a:off x="457200" y="3276600"/>
            <a:ext cx="1371600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000" b="1" dirty="0">
                <a:solidFill>
                  <a:schemeClr val="bg1"/>
                </a:solidFill>
              </a:rPr>
              <a:t>HCQ GPS Navigator</a:t>
            </a:r>
          </a:p>
        </p:txBody>
      </p:sp>
      <p:sp>
        <p:nvSpPr>
          <p:cNvPr id="14" name="Text Box 18"/>
          <p:cNvSpPr txBox="1">
            <a:spLocks noChangeArrowheads="1"/>
          </p:cNvSpPr>
          <p:nvPr/>
        </p:nvSpPr>
        <p:spPr bwMode="auto">
          <a:xfrm>
            <a:off x="152400" y="6156325"/>
            <a:ext cx="1905000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000" b="1" dirty="0">
                <a:solidFill>
                  <a:schemeClr val="bg1"/>
                </a:solidFill>
              </a:rPr>
              <a:t>Temperature Sensors</a:t>
            </a:r>
          </a:p>
        </p:txBody>
      </p:sp>
      <p:sp>
        <p:nvSpPr>
          <p:cNvPr id="15" name="Line 19"/>
          <p:cNvSpPr>
            <a:spLocks noChangeShapeType="1"/>
          </p:cNvSpPr>
          <p:nvPr/>
        </p:nvSpPr>
        <p:spPr bwMode="auto">
          <a:xfrm rot="10800000" flipH="1">
            <a:off x="1447800" y="3810000"/>
            <a:ext cx="1447800" cy="685800"/>
          </a:xfrm>
          <a:prstGeom prst="line">
            <a:avLst/>
          </a:prstGeom>
          <a:noFill/>
          <a:ln w="38100">
            <a:solidFill>
              <a:srgbClr val="FF9933"/>
            </a:solidFill>
            <a:round/>
            <a:headEnd/>
            <a:tailEnd type="triangle" w="med" len="med"/>
          </a:ln>
        </p:spPr>
        <p:txBody>
          <a:bodyPr/>
          <a:lstStyle/>
          <a:p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6" name="Picture 21" descr="HAMM-IC-HCQ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58000" y="5138738"/>
            <a:ext cx="2133600" cy="1262062"/>
          </a:xfrm>
          <a:prstGeom prst="roundRect">
            <a:avLst/>
          </a:prstGeom>
          <a:noFill/>
        </p:spPr>
      </p:pic>
      <p:sp>
        <p:nvSpPr>
          <p:cNvPr id="17" name="Line 22"/>
          <p:cNvSpPr>
            <a:spLocks noChangeShapeType="1"/>
          </p:cNvSpPr>
          <p:nvPr/>
        </p:nvSpPr>
        <p:spPr bwMode="auto">
          <a:xfrm rot="10800000">
            <a:off x="3810000" y="4419600"/>
            <a:ext cx="381000" cy="762000"/>
          </a:xfrm>
          <a:prstGeom prst="line">
            <a:avLst/>
          </a:prstGeom>
          <a:noFill/>
          <a:ln w="38100">
            <a:solidFill>
              <a:srgbClr val="FF9933"/>
            </a:solidFill>
            <a:round/>
            <a:headEnd/>
            <a:tailEnd type="triangle" w="med" len="med"/>
          </a:ln>
        </p:spPr>
        <p:txBody>
          <a:bodyPr/>
          <a:lstStyle/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8" name="Text Box 23"/>
          <p:cNvSpPr txBox="1">
            <a:spLocks noChangeArrowheads="1"/>
          </p:cNvSpPr>
          <p:nvPr/>
        </p:nvSpPr>
        <p:spPr bwMode="auto">
          <a:xfrm>
            <a:off x="6934200" y="6400800"/>
            <a:ext cx="2057400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000" b="1" dirty="0">
                <a:solidFill>
                  <a:schemeClr val="bg1"/>
                </a:solidFill>
              </a:rPr>
              <a:t>Control Panel</a:t>
            </a:r>
          </a:p>
        </p:txBody>
      </p:sp>
    </p:spTree>
    <p:extLst>
      <p:ext uri="{BB962C8B-B14F-4D97-AF65-F5344CB8AC3E}">
        <p14:creationId xmlns:p14="http://schemas.microsoft.com/office/powerpoint/2010/main" val="16192966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5" name="Picture Placeholder 4" descr="C:\0Doc1\213047 - FHWA IC Support\Marketing\Websites\TG\images\TX-Dyanpac-Display-960X300.JPG"/>
          <p:cNvPicPr>
            <a:picLocks noGrp="1" noChangeAspect="1" noChangeArrowheads="1"/>
          </p:cNvPicPr>
          <p:nvPr>
            <p:ph type="pic" sz="quarter" idx="13"/>
          </p:nvPr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0" y="685800"/>
            <a:ext cx="9144000" cy="5664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783504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C Data Flow</a:t>
            </a:r>
            <a:endParaRPr lang="en-US" dirty="0"/>
          </a:p>
        </p:txBody>
      </p:sp>
      <p:pic>
        <p:nvPicPr>
          <p:cNvPr id="3" name="Picture 2" descr="Veda-beta1-Viewer.jpg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75983" y="4308296"/>
            <a:ext cx="2293697" cy="1924623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9080" y="1584719"/>
            <a:ext cx="2240233" cy="1447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1480" y="4175519"/>
            <a:ext cx="1181100" cy="1611389"/>
          </a:xfrm>
          <a:prstGeom prst="round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Right Arrow 5"/>
          <p:cNvSpPr/>
          <p:nvPr/>
        </p:nvSpPr>
        <p:spPr bwMode="auto">
          <a:xfrm>
            <a:off x="2621280" y="2118119"/>
            <a:ext cx="838200" cy="533400"/>
          </a:xfrm>
          <a:prstGeom prst="rightArrow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7" name="Right Arrow 6"/>
          <p:cNvSpPr/>
          <p:nvPr/>
        </p:nvSpPr>
        <p:spPr bwMode="auto">
          <a:xfrm>
            <a:off x="4922629" y="4697872"/>
            <a:ext cx="1371600" cy="533400"/>
          </a:xfrm>
          <a:prstGeom prst="rightArrow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pic>
        <p:nvPicPr>
          <p:cNvPr id="8" name="Picture 5" descr="Day_1_NBBinder_GPS rover-small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76524" y="4099319"/>
            <a:ext cx="1245577" cy="1656259"/>
          </a:xfrm>
          <a:prstGeom prst="round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" name="Picture 4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17944" y="1051319"/>
            <a:ext cx="1981200" cy="1485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" name="Picture 4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46544" y="1355753"/>
            <a:ext cx="2032488" cy="152436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" name="Picture 4" descr="CMV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98944" y="1706983"/>
            <a:ext cx="2133600" cy="163033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" name="Picture 5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10447" y="2041919"/>
            <a:ext cx="1935433" cy="14495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4" name="TextBox 13"/>
          <p:cNvSpPr txBox="1"/>
          <p:nvPr/>
        </p:nvSpPr>
        <p:spPr>
          <a:xfrm>
            <a:off x="792480" y="3032519"/>
            <a:ext cx="1343638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IC data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59268" y="6130643"/>
            <a:ext cx="429175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Point Tests and GPS data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17" name="Down Arrow 16"/>
          <p:cNvSpPr/>
          <p:nvPr/>
        </p:nvSpPr>
        <p:spPr bwMode="auto">
          <a:xfrm>
            <a:off x="7345680" y="3621759"/>
            <a:ext cx="561792" cy="629960"/>
          </a:xfrm>
          <a:prstGeom prst="downArrow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5948475" y="3413519"/>
            <a:ext cx="3050707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Vendor’s software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18" name="Right Arrow 17"/>
          <p:cNvSpPr/>
          <p:nvPr/>
        </p:nvSpPr>
        <p:spPr bwMode="auto">
          <a:xfrm>
            <a:off x="5365090" y="2133514"/>
            <a:ext cx="838200" cy="533400"/>
          </a:xfrm>
          <a:prstGeom prst="rightArrow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pic>
        <p:nvPicPr>
          <p:cNvPr id="19" name="Picture 5" descr="MC900431632[1]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0380" y="1245801"/>
            <a:ext cx="2552700" cy="2552700"/>
          </a:xfrm>
          <a:prstGeom prst="rect">
            <a:avLst/>
          </a:prstGeom>
          <a:noFill/>
        </p:spPr>
      </p:pic>
      <p:pic>
        <p:nvPicPr>
          <p:cNvPr id="20" name="Picture 19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6855412" y="4480437"/>
            <a:ext cx="1713464" cy="6990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128377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タイトル 1"/>
          <p:cNvSpPr>
            <a:spLocks noGrp="1"/>
          </p:cNvSpPr>
          <p:nvPr>
            <p:ph type="ctrTitle" idx="4294967295"/>
          </p:nvPr>
        </p:nvSpPr>
        <p:spPr>
          <a:xfrm>
            <a:off x="457200" y="2438400"/>
            <a:ext cx="8072494" cy="930280"/>
          </a:xfrm>
        </p:spPr>
        <p:txBody>
          <a:bodyPr anchor="b"/>
          <a:lstStyle/>
          <a:p>
            <a:pPr eaLnBrk="1" hangingPunct="1"/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/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>Veta Software</a:t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/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/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endParaRPr lang="ja-JP" altLang="en-US" sz="4000" b="1" dirty="0" smtClean="0">
              <a:solidFill>
                <a:schemeClr val="bg1"/>
              </a:solidFill>
              <a:latin typeface="Times New Roman" pitchFamily="18" charset="0"/>
              <a:ea typeface="ＭＳ 明朝" pitchFamily="17" charset="-128"/>
            </a:endParaRPr>
          </a:p>
        </p:txBody>
      </p:sp>
      <p:sp>
        <p:nvSpPr>
          <p:cNvPr id="3075" name="サブタイトル 2"/>
          <p:cNvSpPr>
            <a:spLocks noGrp="1"/>
          </p:cNvSpPr>
          <p:nvPr>
            <p:ph type="subTitle" idx="4294967295"/>
          </p:nvPr>
        </p:nvSpPr>
        <p:spPr>
          <a:xfrm>
            <a:off x="0" y="1447800"/>
            <a:ext cx="9144000" cy="1219200"/>
          </a:xfrm>
        </p:spPr>
        <p:txBody>
          <a:bodyPr/>
          <a:lstStyle/>
          <a:p>
            <a:r>
              <a:rPr lang="en-US" sz="2800" b="1" dirty="0" smtClean="0">
                <a:latin typeface="Times New Roman" pitchFamily="18" charset="0"/>
                <a:cs typeface="Times New Roman" pitchFamily="18" charset="0"/>
              </a:rPr>
              <a:t>Developed by FHWA</a:t>
            </a:r>
          </a:p>
          <a:p>
            <a:r>
              <a:rPr lang="en-US" sz="2800" b="1" dirty="0" smtClean="0">
                <a:latin typeface="Times New Roman" pitchFamily="18" charset="0"/>
                <a:cs typeface="Times New Roman" pitchFamily="18" charset="0"/>
              </a:rPr>
              <a:t>Veta is a map-based tool for viewing and analyzing geospatial data.</a:t>
            </a:r>
          </a:p>
          <a:p>
            <a:r>
              <a:rPr lang="en-US" sz="2800" b="1" dirty="0" smtClean="0">
                <a:latin typeface="Times New Roman" pitchFamily="18" charset="0"/>
                <a:cs typeface="Times New Roman" pitchFamily="18" charset="0"/>
              </a:rPr>
              <a:t>Used to generate various IC reports</a:t>
            </a:r>
            <a:endParaRPr lang="en-US" sz="2800" b="1" dirty="0"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2050" name="Picture 2" descr="Veda Viewer Screen">
            <a:hlinkClick r:id="rId3"/>
          </p:cNvPr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2667000" y="3429000"/>
            <a:ext cx="3429000" cy="2839269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6286447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ny Systems …One Software</a:t>
            </a:r>
            <a:endParaRPr lang="en-US" dirty="0"/>
          </a:p>
        </p:txBody>
      </p:sp>
      <p:sp>
        <p:nvSpPr>
          <p:cNvPr id="3" name="Right Arrow 2"/>
          <p:cNvSpPr/>
          <p:nvPr/>
        </p:nvSpPr>
        <p:spPr>
          <a:xfrm>
            <a:off x="4114800" y="2892790"/>
            <a:ext cx="1295400" cy="1066800"/>
          </a:xfrm>
          <a:prstGeom prst="right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pic>
        <p:nvPicPr>
          <p:cNvPr id="4" name="Picture 3" descr="Veda-beta1-Viewer.jpg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90388" y="1676400"/>
            <a:ext cx="3677412" cy="3085687"/>
          </a:xfrm>
          <a:prstGeom prst="rect">
            <a:avLst/>
          </a:prstGeom>
        </p:spPr>
      </p:pic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1600" y="1581359"/>
            <a:ext cx="1380031" cy="920021"/>
          </a:xfrm>
          <a:prstGeom prst="roundRect">
            <a:avLst>
              <a:gd name="adj" fmla="val 16667"/>
            </a:avLst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E"/>
                </a:solidFill>
              </a14:hiddenFill>
            </a:ext>
            <a:ext uri="{91240B29-F687-4F45-9708-019B960494DF}">
              <a14:hiddenLine xmlns:a14="http://schemas.microsoft.com/office/drawing/2010/main" w="9525" algn="in">
                <a:solidFill>
                  <a:srgbClr val="21212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DCD6D4"/>
                  </a:outerShdw>
                </a:effectLst>
              </a14:hiddenEffects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746"/>
          <a:stretch>
            <a:fillRect/>
          </a:stretch>
        </p:blipFill>
        <p:spPr bwMode="auto">
          <a:xfrm>
            <a:off x="26405" y="1581359"/>
            <a:ext cx="1268995" cy="933241"/>
          </a:xfrm>
          <a:prstGeom prst="roundRect">
            <a:avLst>
              <a:gd name="adj" fmla="val 16667"/>
            </a:avLst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E"/>
                </a:solidFill>
              </a14:hiddenFill>
            </a:ext>
            <a:ext uri="{91240B29-F687-4F45-9708-019B960494DF}">
              <a14:hiddenLine xmlns:a14="http://schemas.microsoft.com/office/drawing/2010/main" w="9525" algn="in">
                <a:solidFill>
                  <a:srgbClr val="21212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DCD6D4"/>
                  </a:outerShdw>
                </a:effectLst>
              </a14:hiddenEffects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" y="2966180"/>
            <a:ext cx="1284856" cy="920020"/>
          </a:xfrm>
          <a:prstGeom prst="roundRect">
            <a:avLst>
              <a:gd name="adj" fmla="val 16667"/>
            </a:avLst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E"/>
                </a:solidFill>
              </a14:hiddenFill>
            </a:ext>
            <a:ext uri="{91240B29-F687-4F45-9708-019B960494DF}">
              <a14:hiddenLine xmlns:a14="http://schemas.microsoft.com/office/drawing/2010/main" w="9525" algn="in">
                <a:solidFill>
                  <a:srgbClr val="21212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DCD6D4"/>
                  </a:outerShdw>
                </a:effectLst>
              </a14:hiddenEffects>
            </a:ext>
          </a:extLst>
        </p:spPr>
      </p:pic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77318" y="2968823"/>
            <a:ext cx="1189682" cy="914734"/>
          </a:xfrm>
          <a:prstGeom prst="roundRect">
            <a:avLst>
              <a:gd name="adj" fmla="val 16667"/>
            </a:avLst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E"/>
                </a:solidFill>
              </a14:hiddenFill>
            </a:ext>
            <a:ext uri="{91240B29-F687-4F45-9708-019B960494DF}">
              <a14:hiddenLine xmlns:a14="http://schemas.microsoft.com/office/drawing/2010/main" w="9525" algn="in">
                <a:solidFill>
                  <a:srgbClr val="21212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DCD6D4"/>
                  </a:outerShdw>
                </a:effectLst>
              </a14:hiddenEffects>
            </a:ext>
          </a:extLst>
        </p:spPr>
      </p:pic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06617" y="2975432"/>
            <a:ext cx="1231983" cy="90151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E"/>
                </a:solidFill>
              </a14:hiddenFill>
            </a:ext>
            <a:ext uri="{91240B29-F687-4F45-9708-019B960494DF}">
              <a14:hiddenLine xmlns:a14="http://schemas.microsoft.com/office/drawing/2010/main" w="9525" algn="in">
                <a:solidFill>
                  <a:srgbClr val="21212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DCD6D4"/>
                  </a:outerShdw>
                </a:effectLst>
              </a14:hiddenEffects>
            </a:ext>
          </a:extLst>
        </p:spPr>
      </p:pic>
      <p:pic>
        <p:nvPicPr>
          <p:cNvPr id="1031" name="Picture 7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" y="4267200"/>
            <a:ext cx="1311294" cy="91737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E"/>
                </a:solidFill>
              </a14:hiddenFill>
            </a:ext>
            <a:ext uri="{91240B29-F687-4F45-9708-019B960494DF}">
              <a14:hiddenLine xmlns:a14="http://schemas.microsoft.com/office/drawing/2010/main" w="9525" algn="in">
                <a:solidFill>
                  <a:srgbClr val="21212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DCD6D4"/>
                  </a:outerShdw>
                </a:effectLst>
              </a14:hiddenEffects>
            </a:ext>
          </a:extLst>
        </p:spPr>
      </p:pic>
      <p:pic>
        <p:nvPicPr>
          <p:cNvPr id="1032" name="Picture 8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47800" y="4267200"/>
            <a:ext cx="1184395" cy="89887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E"/>
                </a:solidFill>
              </a14:hiddenFill>
            </a:ext>
            <a:ext uri="{91240B29-F687-4F45-9708-019B960494DF}">
              <a14:hiddenLine xmlns:a14="http://schemas.microsoft.com/office/drawing/2010/main" w="9525" algn="in">
                <a:solidFill>
                  <a:srgbClr val="21212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DCD6D4"/>
                  </a:outerShdw>
                </a:effectLst>
              </a14:hiddenEffects>
            </a:ext>
          </a:extLst>
        </p:spPr>
      </p:pic>
      <p:pic>
        <p:nvPicPr>
          <p:cNvPr id="1033" name="Picture 9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581"/>
          <a:stretch>
            <a:fillRect/>
          </a:stretch>
        </p:blipFill>
        <p:spPr bwMode="auto">
          <a:xfrm>
            <a:off x="2743200" y="4267200"/>
            <a:ext cx="1192325" cy="90151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E"/>
                </a:solidFill>
              </a14:hiddenFill>
            </a:ext>
            <a:ext uri="{91240B29-F687-4F45-9708-019B960494DF}">
              <a14:hiddenLine xmlns:a14="http://schemas.microsoft.com/office/drawing/2010/main" w="9525" algn="in">
                <a:solidFill>
                  <a:srgbClr val="21212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DCD6D4"/>
                  </a:outerShdw>
                </a:effectLst>
              </a14:hiddenEffects>
            </a:ext>
          </a:extLst>
        </p:spPr>
      </p:pic>
      <p:pic>
        <p:nvPicPr>
          <p:cNvPr id="1034" name="Picture 10" descr="CAT_Soils_IC_roller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9713" y="1581359"/>
            <a:ext cx="1335087" cy="914734"/>
          </a:xfrm>
          <a:prstGeom prst="flowChartAlternateProcess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E"/>
                </a:solidFill>
              </a14:hiddenFill>
            </a:ext>
            <a:ext uri="{91240B29-F687-4F45-9708-019B960494DF}">
              <a14:hiddenLine xmlns:a14="http://schemas.microsoft.com/office/drawing/2010/main" w="9525" algn="in">
                <a:solidFill>
                  <a:srgbClr val="21212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DCD6D4"/>
                  </a:outerShdw>
                </a:effectLst>
              </a14:hiddenEffects>
            </a:ext>
          </a:extLst>
        </p:spPr>
      </p:pic>
      <p:pic>
        <p:nvPicPr>
          <p:cNvPr id="15" name="Picture 14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6096000" y="2743200"/>
            <a:ext cx="2413255" cy="98451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858731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y Using Veta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0"/>
          </p:nvPr>
        </p:nvSpPr>
        <p:spPr>
          <a:xfrm>
            <a:off x="533400" y="1431607"/>
            <a:ext cx="7848600" cy="4572000"/>
          </a:xfrm>
        </p:spPr>
        <p:txBody>
          <a:bodyPr/>
          <a:lstStyle/>
          <a:p>
            <a:r>
              <a:rPr lang="en-US" dirty="0" smtClean="0"/>
              <a:t>Critical for standardization</a:t>
            </a:r>
          </a:p>
          <a:p>
            <a:r>
              <a:rPr lang="en-US" dirty="0" smtClean="0"/>
              <a:t>Included in </a:t>
            </a:r>
            <a:r>
              <a:rPr lang="en-US" dirty="0"/>
              <a:t>S</a:t>
            </a:r>
            <a:r>
              <a:rPr lang="en-US" dirty="0" smtClean="0"/>
              <a:t>pecs</a:t>
            </a:r>
          </a:p>
          <a:p>
            <a:pPr lvl="1"/>
            <a:r>
              <a:rPr lang="en-US" dirty="0" smtClean="0"/>
              <a:t>Caltrans</a:t>
            </a:r>
          </a:p>
          <a:p>
            <a:pPr lvl="1"/>
            <a:r>
              <a:rPr lang="en-US" dirty="0" smtClean="0"/>
              <a:t>AASHTO</a:t>
            </a:r>
          </a:p>
          <a:p>
            <a:pPr lvl="1"/>
            <a:r>
              <a:rPr lang="en-US" dirty="0" smtClean="0"/>
              <a:t>FHWA</a:t>
            </a:r>
          </a:p>
          <a:p>
            <a:pPr lvl="1"/>
            <a:r>
              <a:rPr lang="en-US" dirty="0" smtClean="0"/>
              <a:t>many States IC specs </a:t>
            </a:r>
          </a:p>
          <a:p>
            <a:r>
              <a:rPr lang="en-US" dirty="0" smtClean="0"/>
              <a:t>Public domain -- Free</a:t>
            </a:r>
            <a:endParaRPr lang="en-US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668536" y="3505200"/>
            <a:ext cx="1713464" cy="6990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382042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タイトル 1"/>
          <p:cNvSpPr>
            <a:spLocks noGrp="1"/>
          </p:cNvSpPr>
          <p:nvPr>
            <p:ph type="ctrTitle" idx="4294967295"/>
          </p:nvPr>
        </p:nvSpPr>
        <p:spPr>
          <a:xfrm>
            <a:off x="457200" y="2438400"/>
            <a:ext cx="8072494" cy="930280"/>
          </a:xfrm>
        </p:spPr>
        <p:txBody>
          <a:bodyPr anchor="b"/>
          <a:lstStyle/>
          <a:p>
            <a:pPr eaLnBrk="1" hangingPunct="1"/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/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>Veta Software</a:t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/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/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endParaRPr lang="ja-JP" altLang="en-US" sz="4000" b="1" dirty="0" smtClean="0">
              <a:solidFill>
                <a:schemeClr val="bg1"/>
              </a:solidFill>
              <a:latin typeface="Times New Roman" pitchFamily="18" charset="0"/>
              <a:ea typeface="ＭＳ 明朝" pitchFamily="17" charset="-128"/>
            </a:endParaRPr>
          </a:p>
        </p:txBody>
      </p:sp>
      <p:sp>
        <p:nvSpPr>
          <p:cNvPr id="3075" name="サブタイトル 2"/>
          <p:cNvSpPr>
            <a:spLocks noGrp="1"/>
          </p:cNvSpPr>
          <p:nvPr>
            <p:ph type="subTitle" idx="4294967295"/>
          </p:nvPr>
        </p:nvSpPr>
        <p:spPr>
          <a:xfrm>
            <a:off x="0" y="685800"/>
            <a:ext cx="9144000" cy="990600"/>
          </a:xfrm>
        </p:spPr>
        <p:txBody>
          <a:bodyPr/>
          <a:lstStyle/>
          <a:p>
            <a:pPr marL="63500" indent="0" eaLnBrk="1" hangingPunct="1">
              <a:lnSpc>
                <a:spcPct val="80000"/>
              </a:lnSpc>
              <a:buNone/>
            </a:pPr>
            <a:endParaRPr lang="en-US" altLang="ja-JP" sz="2800" b="1" dirty="0" smtClean="0">
              <a:solidFill>
                <a:schemeClr val="bg1"/>
              </a:solidFill>
              <a:latin typeface="Times New Roman" pitchFamily="18" charset="0"/>
              <a:ea typeface="ＭＳ 明朝" pitchFamily="17" charset="-128"/>
            </a:endParaRPr>
          </a:p>
          <a:p>
            <a:pPr marL="63500" indent="0" eaLnBrk="1" hangingPunct="1">
              <a:lnSpc>
                <a:spcPct val="80000"/>
              </a:lnSpc>
              <a:buNone/>
            </a:pPr>
            <a:endParaRPr lang="en-US" altLang="ja-JP" sz="2800" b="1" dirty="0" smtClean="0">
              <a:latin typeface="Times New Roman" pitchFamily="18" charset="0"/>
              <a:ea typeface="ＭＳ 明朝" pitchFamily="17" charset="-128"/>
            </a:endParaRPr>
          </a:p>
          <a:p>
            <a:pPr marL="63500" indent="0" eaLnBrk="1" hangingPunct="1">
              <a:lnSpc>
                <a:spcPct val="80000"/>
              </a:lnSpc>
              <a:buNone/>
            </a:pPr>
            <a:endParaRPr lang="en-US" altLang="ja-JP" sz="2800" b="1" dirty="0" smtClean="0">
              <a:latin typeface="Times New Roman" pitchFamily="18" charset="0"/>
              <a:ea typeface="ＭＳ 明朝" pitchFamily="17" charset="-128"/>
            </a:endParaRPr>
          </a:p>
        </p:txBody>
      </p:sp>
      <p:pic>
        <p:nvPicPr>
          <p:cNvPr id="54274" name="Picture 2" descr="Final Coverage Stats: Temperature (left) and Semivariogram (right)">
            <a:hlinkClick r:id="rId3"/>
          </p:cNvPr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57200" y="1905000"/>
            <a:ext cx="8134350" cy="4048126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2039049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7968" y="457200"/>
            <a:ext cx="9116032" cy="1143000"/>
          </a:xfrm>
        </p:spPr>
        <p:txBody>
          <a:bodyPr/>
          <a:lstStyle/>
          <a:p>
            <a:r>
              <a:rPr lang="en-US" sz="2800" dirty="0" smtClean="0">
                <a:solidFill>
                  <a:schemeClr val="bg1"/>
                </a:solidFill>
              </a:rPr>
              <a:t>Caltrans Asphalt </a:t>
            </a:r>
            <a:r>
              <a:rPr lang="en-US" sz="2800" dirty="0">
                <a:solidFill>
                  <a:schemeClr val="bg1"/>
                </a:solidFill>
              </a:rPr>
              <a:t>Concrete Specification</a:t>
            </a:r>
            <a:br>
              <a:rPr lang="en-US" sz="2800" dirty="0">
                <a:solidFill>
                  <a:schemeClr val="bg1"/>
                </a:solidFill>
              </a:rPr>
            </a:br>
            <a:r>
              <a:rPr lang="en-US" sz="2800" dirty="0">
                <a:solidFill>
                  <a:schemeClr val="bg1"/>
                </a:solidFill>
              </a:rPr>
              <a:t>Section 39 Standard Specification</a:t>
            </a:r>
            <a:r>
              <a:rPr lang="en-US" sz="2800" dirty="0">
                <a:solidFill>
                  <a:schemeClr val="tx1"/>
                </a:solidFill>
              </a:rPr>
              <a:t/>
            </a:r>
            <a:br>
              <a:rPr lang="en-US" sz="2800" dirty="0">
                <a:solidFill>
                  <a:schemeClr val="tx1"/>
                </a:solidFill>
              </a:rPr>
            </a:br>
            <a:endParaRPr lang="en-US" sz="2800" dirty="0">
              <a:solidFill>
                <a:schemeClr val="tx1"/>
              </a:solidFill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890284" y="2438400"/>
            <a:ext cx="7391400" cy="31393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bg1"/>
                </a:solidFill>
              </a:rPr>
              <a:t>HMA construction: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</a:p>
          <a:p>
            <a:endParaRPr lang="en-US" dirty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Method Compaction-  Compaction of hot </a:t>
            </a:r>
            <a:r>
              <a:rPr lang="en-US" dirty="0">
                <a:solidFill>
                  <a:schemeClr val="bg1"/>
                </a:solidFill>
              </a:rPr>
              <a:t>mix asphalt </a:t>
            </a:r>
            <a:r>
              <a:rPr lang="en-US" dirty="0" smtClean="0">
                <a:solidFill>
                  <a:schemeClr val="bg1"/>
                </a:solidFill>
              </a:rPr>
              <a:t>with thickness &lt;0.15</a:t>
            </a:r>
            <a:r>
              <a:rPr lang="en-US" dirty="0" smtClean="0">
                <a:solidFill>
                  <a:schemeClr val="bg1"/>
                </a:solidFill>
              </a:rPr>
              <a:t>’ (46 mm).  </a:t>
            </a:r>
            <a:r>
              <a:rPr lang="en-US" dirty="0" smtClean="0">
                <a:solidFill>
                  <a:schemeClr val="bg1"/>
                </a:solidFill>
              </a:rPr>
              <a:t>Density is not measured.</a:t>
            </a:r>
          </a:p>
          <a:p>
            <a:endParaRPr lang="en-US" dirty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Density Requirement -  </a:t>
            </a:r>
            <a:r>
              <a:rPr lang="en-US" dirty="0">
                <a:solidFill>
                  <a:schemeClr val="bg1"/>
                </a:solidFill>
              </a:rPr>
              <a:t>Compaction of hot mix asphalt with thickness </a:t>
            </a:r>
            <a:r>
              <a:rPr lang="en-US" dirty="0" smtClean="0">
                <a:solidFill>
                  <a:schemeClr val="bg1"/>
                </a:solidFill>
              </a:rPr>
              <a:t>≥0.15</a:t>
            </a:r>
            <a:r>
              <a:rPr lang="en-US" dirty="0" smtClean="0">
                <a:solidFill>
                  <a:schemeClr val="bg1"/>
                </a:solidFill>
              </a:rPr>
              <a:t>’ (46 mm).  </a:t>
            </a:r>
            <a:r>
              <a:rPr lang="en-US" dirty="0" smtClean="0">
                <a:solidFill>
                  <a:schemeClr val="bg1"/>
                </a:solidFill>
              </a:rPr>
              <a:t>Density is measured.</a:t>
            </a:r>
            <a:endParaRPr lang="en-US" dirty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.</a:t>
            </a:r>
          </a:p>
          <a:p>
            <a:endParaRPr lang="en-US" dirty="0">
              <a:solidFill>
                <a:srgbClr val="0F1D27"/>
              </a:solidFill>
            </a:endParaRPr>
          </a:p>
          <a:p>
            <a:endParaRPr lang="en-US" dirty="0" smtClean="0">
              <a:solidFill>
                <a:srgbClr val="0F1D27"/>
              </a:solidFill>
            </a:endParaRPr>
          </a:p>
          <a:p>
            <a:endParaRPr lang="en-US" dirty="0">
              <a:solidFill>
                <a:srgbClr val="0F1D27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670926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Benefits of IC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quarter" idx="10"/>
          </p:nvPr>
        </p:nvSpPr>
        <p:spPr>
          <a:xfrm>
            <a:off x="457200" y="1194030"/>
            <a:ext cx="7848600" cy="4572000"/>
          </a:xfrm>
        </p:spPr>
        <p:txBody>
          <a:bodyPr/>
          <a:lstStyle/>
          <a:p>
            <a:pPr marL="406400"/>
            <a:r>
              <a:rPr lang="en-US" sz="2400" dirty="0" smtClean="0"/>
              <a:t>Reliable monitoring of compaction activities</a:t>
            </a:r>
          </a:p>
          <a:p>
            <a:pPr marL="1377950" lvl="2" indent="-514350">
              <a:buFont typeface="Arial" pitchFamily="34" charset="0"/>
              <a:buChar char="•"/>
            </a:pPr>
            <a:r>
              <a:rPr lang="en-US" altLang="ja-JP" sz="2000" b="1" dirty="0" smtClean="0">
                <a:latin typeface="Times New Roman" pitchFamily="18" charset="0"/>
                <a:ea typeface="ＭＳ 明朝" pitchFamily="17" charset="-128"/>
              </a:rPr>
              <a:t>No</a:t>
            </a:r>
            <a:r>
              <a:rPr lang="en-US" altLang="ja-JP" sz="2000" b="1" dirty="0">
                <a:latin typeface="Times New Roman" pitchFamily="18" charset="0"/>
                <a:ea typeface="ＭＳ 明朝" pitchFamily="17" charset="-128"/>
              </a:rPr>
              <a:t>. of Passes</a:t>
            </a:r>
          </a:p>
          <a:p>
            <a:pPr marL="1377950" lvl="2" indent="-514350">
              <a:buFont typeface="Arial" pitchFamily="34" charset="0"/>
              <a:buChar char="•"/>
            </a:pPr>
            <a:r>
              <a:rPr lang="en-US" altLang="ja-JP" sz="2000" b="1" dirty="0">
                <a:latin typeface="Times New Roman" pitchFamily="18" charset="0"/>
                <a:ea typeface="ＭＳ 明朝" pitchFamily="17" charset="-128"/>
              </a:rPr>
              <a:t>Coverage</a:t>
            </a:r>
          </a:p>
          <a:p>
            <a:pPr marL="1377950" lvl="2" indent="-514350">
              <a:buFont typeface="Arial" pitchFamily="34" charset="0"/>
              <a:buChar char="•"/>
            </a:pPr>
            <a:r>
              <a:rPr lang="en-US" altLang="ja-JP" sz="2000" b="1" dirty="0">
                <a:latin typeface="Times New Roman" pitchFamily="18" charset="0"/>
                <a:ea typeface="ＭＳ 明朝" pitchFamily="17" charset="-128"/>
              </a:rPr>
              <a:t>Temperature</a:t>
            </a:r>
          </a:p>
          <a:p>
            <a:pPr marL="1377950" lvl="2" indent="-514350">
              <a:buFont typeface="Arial" pitchFamily="34" charset="0"/>
              <a:buChar char="•"/>
            </a:pPr>
            <a:r>
              <a:rPr lang="en-US" altLang="ja-JP" sz="2000" b="1" dirty="0">
                <a:latin typeface="Times New Roman" pitchFamily="18" charset="0"/>
                <a:ea typeface="ＭＳ 明朝" pitchFamily="17" charset="-128"/>
              </a:rPr>
              <a:t>Stiffness</a:t>
            </a:r>
          </a:p>
          <a:p>
            <a:r>
              <a:rPr lang="en-US" sz="2400" dirty="0" smtClean="0"/>
              <a:t>Improve </a:t>
            </a:r>
            <a:r>
              <a:rPr lang="en-US" sz="2400" dirty="0"/>
              <a:t>compaction…</a:t>
            </a:r>
            <a:br>
              <a:rPr lang="en-US" sz="2400" dirty="0"/>
            </a:br>
            <a:r>
              <a:rPr lang="en-US" sz="2400" dirty="0"/>
              <a:t>			better </a:t>
            </a:r>
            <a:r>
              <a:rPr lang="en-US" sz="2400" dirty="0" smtClean="0"/>
              <a:t>performance</a:t>
            </a:r>
          </a:p>
          <a:p>
            <a:r>
              <a:rPr lang="en-US" sz="2400" dirty="0" smtClean="0"/>
              <a:t>Improve </a:t>
            </a:r>
            <a:r>
              <a:rPr lang="en-US" sz="2400" dirty="0"/>
              <a:t>efficiency…</a:t>
            </a:r>
            <a:br>
              <a:rPr lang="en-US" sz="2400" dirty="0"/>
            </a:br>
            <a:r>
              <a:rPr lang="en-US" sz="2400" dirty="0"/>
              <a:t>			cost savings</a:t>
            </a:r>
          </a:p>
          <a:p>
            <a:r>
              <a:rPr lang="en-US" sz="2400" dirty="0"/>
              <a:t>Increase information…</a:t>
            </a:r>
            <a:br>
              <a:rPr lang="en-US" sz="2400" dirty="0"/>
            </a:br>
            <a:r>
              <a:rPr lang="en-US" sz="2400" dirty="0"/>
              <a:t>			better </a:t>
            </a:r>
            <a:r>
              <a:rPr lang="en-US" sz="2400" dirty="0" smtClean="0"/>
              <a:t>QC/QA</a:t>
            </a:r>
            <a:endParaRPr lang="en-US" sz="2400" dirty="0"/>
          </a:p>
        </p:txBody>
      </p:sp>
      <p:sp>
        <p:nvSpPr>
          <p:cNvPr id="4" name="TextBox 3"/>
          <p:cNvSpPr txBox="1"/>
          <p:nvPr/>
        </p:nvSpPr>
        <p:spPr>
          <a:xfrm>
            <a:off x="937474" y="5562600"/>
            <a:ext cx="7241085" cy="76944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400" b="1" dirty="0" smtClean="0">
                <a:solidFill>
                  <a:srgbClr val="FFC000"/>
                </a:solidFill>
              </a:rPr>
              <a:t>Consistency &amp; Uniformity </a:t>
            </a:r>
            <a:endParaRPr lang="en-US" sz="4400" b="1" dirty="0">
              <a:solidFill>
                <a:srgbClr val="FFC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2418407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800" dirty="0">
                <a:latin typeface="+mn-lt"/>
              </a:rPr>
              <a:t/>
            </a:r>
            <a:br>
              <a:rPr lang="en-US" sz="2800" dirty="0">
                <a:latin typeface="+mn-lt"/>
              </a:rPr>
            </a:br>
            <a:r>
              <a:rPr lang="en-US" dirty="0" smtClean="0"/>
              <a:t>Implementation </a:t>
            </a:r>
            <a:r>
              <a:rPr lang="en-US" dirty="0"/>
              <a:t>of </a:t>
            </a:r>
            <a:r>
              <a:rPr lang="en-US" dirty="0" smtClean="0"/>
              <a:t>Intelligent Compaction in California</a:t>
            </a:r>
            <a:endParaRPr lang="en-US" dirty="0"/>
          </a:p>
        </p:txBody>
      </p:sp>
      <p:pic>
        <p:nvPicPr>
          <p:cNvPr id="7" name="Picture 4" descr="C:\0Doc1\213047 - FHWA IC Support\Marketing\Websites\TG\images\TX-Ammann-soils-compaction-960X300.jpg"/>
          <p:cNvPicPr>
            <a:picLocks noGrp="1" noChangeAspect="1" noChangeArrowheads="1"/>
          </p:cNvPicPr>
          <p:nvPr>
            <p:ph type="pic" sz="quarter" idx="13"/>
          </p:nvPr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0" y="3492500"/>
            <a:ext cx="9144000" cy="2857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783504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タイトル 1"/>
          <p:cNvSpPr>
            <a:spLocks noGrp="1"/>
          </p:cNvSpPr>
          <p:nvPr>
            <p:ph type="ctrTitle" idx="4294967295"/>
          </p:nvPr>
        </p:nvSpPr>
        <p:spPr>
          <a:xfrm>
            <a:off x="457200" y="2438400"/>
            <a:ext cx="8072494" cy="930280"/>
          </a:xfrm>
        </p:spPr>
        <p:txBody>
          <a:bodyPr anchor="b"/>
          <a:lstStyle/>
          <a:p>
            <a:pPr eaLnBrk="1" hangingPunct="1"/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/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>CALTRANS </a:t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>INTELLIGENT COMPACTION </a:t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/>
            </a:r>
            <a:br>
              <a:rPr lang="en-US" altLang="ja-JP" sz="4000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</a:br>
            <a:endParaRPr lang="ja-JP" altLang="en-US" sz="4000" b="1" smtClean="0">
              <a:solidFill>
                <a:schemeClr val="bg1"/>
              </a:solidFill>
              <a:latin typeface="Times New Roman" pitchFamily="18" charset="0"/>
              <a:ea typeface="ＭＳ 明朝" pitchFamily="17" charset="-128"/>
            </a:endParaRPr>
          </a:p>
        </p:txBody>
      </p:sp>
      <p:sp>
        <p:nvSpPr>
          <p:cNvPr id="3075" name="サブタイトル 2"/>
          <p:cNvSpPr>
            <a:spLocks noGrp="1"/>
          </p:cNvSpPr>
          <p:nvPr>
            <p:ph type="subTitle" idx="4294967295"/>
          </p:nvPr>
        </p:nvSpPr>
        <p:spPr>
          <a:xfrm>
            <a:off x="0" y="2438400"/>
            <a:ext cx="9144000" cy="3200400"/>
          </a:xfrm>
        </p:spPr>
        <p:txBody>
          <a:bodyPr/>
          <a:lstStyle/>
          <a:p>
            <a:pPr marL="577850" indent="-514350">
              <a:lnSpc>
                <a:spcPct val="150000"/>
              </a:lnSpc>
              <a:buFont typeface="Arial" pitchFamily="34" charset="0"/>
              <a:buChar char="•"/>
            </a:pPr>
            <a:r>
              <a:rPr lang="en-US" altLang="ja-JP" b="1" dirty="0" smtClean="0">
                <a:solidFill>
                  <a:schemeClr val="bg1"/>
                </a:solidFill>
                <a:latin typeface="Times New Roman" pitchFamily="18" charset="0"/>
                <a:ea typeface="ＭＳ 明朝" pitchFamily="17" charset="-128"/>
              </a:rPr>
              <a:t>Used as part of Contractor QC program</a:t>
            </a:r>
          </a:p>
          <a:p>
            <a:pPr marL="577850" indent="-514350">
              <a:lnSpc>
                <a:spcPct val="150000"/>
              </a:lnSpc>
              <a:buFont typeface="Arial" pitchFamily="34" charset="0"/>
              <a:buChar char="•"/>
            </a:pPr>
            <a:r>
              <a:rPr lang="en-US" altLang="ja-JP" b="1" dirty="0" smtClean="0">
                <a:latin typeface="Times New Roman" pitchFamily="18" charset="0"/>
                <a:ea typeface="ＭＳ 明朝" pitchFamily="17" charset="-128"/>
              </a:rPr>
              <a:t>Not  used as Acceptance</a:t>
            </a:r>
          </a:p>
          <a:p>
            <a:pPr marL="577850" indent="-514350">
              <a:lnSpc>
                <a:spcPct val="150000"/>
              </a:lnSpc>
              <a:buFont typeface="Arial" pitchFamily="34" charset="0"/>
              <a:buChar char="•"/>
            </a:pPr>
            <a:r>
              <a:rPr lang="en-US" altLang="ja-JP" b="1" dirty="0" smtClean="0">
                <a:latin typeface="Times New Roman" pitchFamily="18" charset="0"/>
                <a:ea typeface="ＭＳ 明朝" pitchFamily="17" charset="-128"/>
              </a:rPr>
              <a:t>Used in Pilot Projects at this time</a:t>
            </a:r>
          </a:p>
          <a:p>
            <a:pPr marL="577850" indent="-514350">
              <a:lnSpc>
                <a:spcPct val="150000"/>
              </a:lnSpc>
              <a:buFont typeface="Arial" pitchFamily="34" charset="0"/>
              <a:buChar char="•"/>
            </a:pPr>
            <a:r>
              <a:rPr lang="en-US" altLang="ja-JP" b="1" dirty="0" smtClean="0">
                <a:latin typeface="Times New Roman" pitchFamily="18" charset="0"/>
                <a:ea typeface="ＭＳ 明朝" pitchFamily="17" charset="-128"/>
              </a:rPr>
              <a:t>Cost of IC is about 3% to 5% of the bid item</a:t>
            </a:r>
          </a:p>
          <a:p>
            <a:pPr marL="63500" indent="0" eaLnBrk="1" hangingPunct="1">
              <a:lnSpc>
                <a:spcPct val="80000"/>
              </a:lnSpc>
              <a:buNone/>
            </a:pPr>
            <a:endParaRPr lang="en-US" altLang="ja-JP" sz="2800" b="1" dirty="0" smtClean="0">
              <a:solidFill>
                <a:schemeClr val="bg1"/>
              </a:solidFill>
              <a:latin typeface="Times New Roman" pitchFamily="18" charset="0"/>
              <a:ea typeface="ＭＳ 明朝" pitchFamily="17" charset="-128"/>
            </a:endParaRPr>
          </a:p>
          <a:p>
            <a:pPr marL="63500" indent="0" eaLnBrk="1" hangingPunct="1">
              <a:lnSpc>
                <a:spcPct val="80000"/>
              </a:lnSpc>
              <a:buFont typeface="Arial" pitchFamily="34" charset="0"/>
              <a:buChar char="•"/>
            </a:pPr>
            <a:endParaRPr lang="en-US" altLang="ja-JP" sz="2800" b="1" dirty="0" smtClean="0">
              <a:latin typeface="Times New Roman" pitchFamily="18" charset="0"/>
              <a:ea typeface="ＭＳ 明朝" pitchFamily="17" charset="-128"/>
            </a:endParaRPr>
          </a:p>
          <a:p>
            <a:pPr marL="63500" indent="0" eaLnBrk="1" hangingPunct="1">
              <a:lnSpc>
                <a:spcPct val="80000"/>
              </a:lnSpc>
              <a:buNone/>
            </a:pPr>
            <a:endParaRPr lang="en-US" altLang="ja-JP" sz="2800" b="1" dirty="0" smtClean="0">
              <a:latin typeface="Times New Roman" pitchFamily="18" charset="0"/>
              <a:ea typeface="ＭＳ 明朝" pitchFamily="17" charset="-128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ltrans </a:t>
            </a:r>
            <a:r>
              <a:rPr lang="en-US" dirty="0"/>
              <a:t>IC </a:t>
            </a:r>
            <a:r>
              <a:rPr lang="en-US" dirty="0" smtClean="0"/>
              <a:t>Specs</a:t>
            </a:r>
            <a:endParaRPr lang="en-US" dirty="0"/>
          </a:p>
        </p:txBody>
      </p:sp>
      <p:pic>
        <p:nvPicPr>
          <p:cNvPr id="4" name="Picture 4" descr="FHWA-soils-iC-spec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1145" y="1948813"/>
            <a:ext cx="3073866" cy="3927793"/>
          </a:xfrm>
          <a:prstGeom prst="rect">
            <a:avLst/>
          </a:prstGeom>
          <a:noFill/>
        </p:spPr>
      </p:pic>
      <p:pic>
        <p:nvPicPr>
          <p:cNvPr id="5" name="Picture 5" descr="FHWA-HMA-IC-Spec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05400" y="1981200"/>
            <a:ext cx="3169198" cy="4035223"/>
          </a:xfrm>
          <a:prstGeom prst="rect">
            <a:avLst/>
          </a:prstGeom>
          <a:noFill/>
        </p:spPr>
      </p:pic>
      <p:sp>
        <p:nvSpPr>
          <p:cNvPr id="8" name="Text Box 8"/>
          <p:cNvSpPr txBox="1">
            <a:spLocks noChangeArrowheads="1"/>
          </p:cNvSpPr>
          <p:nvPr/>
        </p:nvSpPr>
        <p:spPr bwMode="auto">
          <a:xfrm>
            <a:off x="4876800" y="1371600"/>
            <a:ext cx="398218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eaLnBrk="1" hangingPunct="1"/>
            <a:r>
              <a:rPr lang="en-US" sz="2800" dirty="0" smtClean="0">
                <a:solidFill>
                  <a:srgbClr val="FFC000"/>
                </a:solidFill>
              </a:rPr>
              <a:t>Cold In Place Recycling</a:t>
            </a:r>
            <a:endParaRPr lang="en-US" sz="2800" dirty="0">
              <a:solidFill>
                <a:srgbClr val="FFC000"/>
              </a:solidFill>
            </a:endParaRPr>
          </a:p>
        </p:txBody>
      </p:sp>
      <p:sp>
        <p:nvSpPr>
          <p:cNvPr id="10" name="Text Box 7"/>
          <p:cNvSpPr txBox="1">
            <a:spLocks noChangeArrowheads="1"/>
          </p:cNvSpPr>
          <p:nvPr/>
        </p:nvSpPr>
        <p:spPr bwMode="auto">
          <a:xfrm>
            <a:off x="990600" y="1371600"/>
            <a:ext cx="982961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eaLnBrk="1" hangingPunct="1"/>
            <a:r>
              <a:rPr lang="en-US" sz="2800" dirty="0" smtClean="0">
                <a:solidFill>
                  <a:srgbClr val="FFC000"/>
                </a:solidFill>
              </a:rPr>
              <a:t>HMA</a:t>
            </a:r>
            <a:endParaRPr lang="en-US" sz="2800" dirty="0">
              <a:solidFill>
                <a:srgbClr val="FFC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044927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b="1" dirty="0">
                <a:solidFill>
                  <a:schemeClr val="bg1"/>
                </a:solidFill>
              </a:rPr>
              <a:t>IC Specs Administration</a:t>
            </a:r>
          </a:p>
        </p:txBody>
      </p:sp>
      <p:sp>
        <p:nvSpPr>
          <p:cNvPr id="8" name="Text Box 8"/>
          <p:cNvSpPr txBox="1">
            <a:spLocks noChangeArrowheads="1"/>
          </p:cNvSpPr>
          <p:nvPr/>
        </p:nvSpPr>
        <p:spPr bwMode="auto">
          <a:xfrm>
            <a:off x="76199" y="1243958"/>
            <a:ext cx="8873247" cy="532453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marL="342900" indent="-342900" eaLnBrk="1" hangingPunct="1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rgbClr val="FFC000"/>
                </a:solidFill>
              </a:rPr>
              <a:t>Contractor is responsible for data collection, analysis, report preparation, and data upload</a:t>
            </a:r>
          </a:p>
          <a:p>
            <a:pPr eaLnBrk="1" hangingPunct="1"/>
            <a:endParaRPr lang="en-US" sz="2000" dirty="0" smtClean="0">
              <a:solidFill>
                <a:srgbClr val="FFC000"/>
              </a:solidFill>
            </a:endParaRP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rgbClr val="FFC000"/>
                </a:solidFill>
              </a:rPr>
              <a:t>14 </a:t>
            </a:r>
            <a:r>
              <a:rPr lang="en-US" sz="2000" dirty="0">
                <a:solidFill>
                  <a:srgbClr val="FFC000"/>
                </a:solidFill>
              </a:rPr>
              <a:t>Construction </a:t>
            </a:r>
            <a:r>
              <a:rPr lang="en-US" sz="2000" dirty="0" smtClean="0">
                <a:solidFill>
                  <a:srgbClr val="FFC000"/>
                </a:solidFill>
              </a:rPr>
              <a:t>forms</a:t>
            </a:r>
          </a:p>
          <a:p>
            <a:pPr lvl="1"/>
            <a:endParaRPr lang="en-US" sz="2000" dirty="0">
              <a:solidFill>
                <a:srgbClr val="FFC000"/>
              </a:solidFill>
            </a:endParaRP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rgbClr val="FFC000"/>
                </a:solidFill>
              </a:rPr>
              <a:t>3 IC CIR construction reports</a:t>
            </a:r>
          </a:p>
          <a:p>
            <a:pPr marL="1257300" lvl="2" indent="-34290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rgbClr val="FFC000"/>
                </a:solidFill>
              </a:rPr>
              <a:t>Mapping existing pavement</a:t>
            </a:r>
          </a:p>
          <a:p>
            <a:pPr marL="1257300" lvl="2" indent="-34290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rgbClr val="FFC000"/>
                </a:solidFill>
              </a:rPr>
              <a:t>Test Strip</a:t>
            </a:r>
          </a:p>
          <a:p>
            <a:pPr marL="1257300" lvl="2" indent="-342900">
              <a:buFont typeface="Arial" panose="020B0604020202020204" pitchFamily="34" charset="0"/>
              <a:buChar char="•"/>
            </a:pPr>
            <a:r>
              <a:rPr lang="en-US" sz="2000" dirty="0">
                <a:solidFill>
                  <a:srgbClr val="FFC000"/>
                </a:solidFill>
              </a:rPr>
              <a:t>Compaction Quality Control report </a:t>
            </a:r>
          </a:p>
          <a:p>
            <a:pPr marL="1257300" lvl="2" indent="-342900">
              <a:buFont typeface="Arial" panose="020B0604020202020204" pitchFamily="34" charset="0"/>
              <a:buChar char="•"/>
            </a:pPr>
            <a:endParaRPr lang="en-US" sz="2000" dirty="0">
              <a:solidFill>
                <a:srgbClr val="FFC000"/>
              </a:solidFill>
            </a:endParaRP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rgbClr val="FFC000"/>
                </a:solidFill>
              </a:rPr>
              <a:t>2 IC HMA construction reports</a:t>
            </a:r>
          </a:p>
          <a:p>
            <a:pPr marL="1257300" lvl="2" indent="-342900">
              <a:buFont typeface="Arial" panose="020B0604020202020204" pitchFamily="34" charset="0"/>
              <a:buChar char="•"/>
            </a:pPr>
            <a:r>
              <a:rPr lang="en-US" sz="2000" dirty="0">
                <a:solidFill>
                  <a:srgbClr val="FFC000"/>
                </a:solidFill>
              </a:rPr>
              <a:t>Test Strip HMA≥0.15’</a:t>
            </a:r>
          </a:p>
          <a:p>
            <a:pPr marL="1257300" lvl="2" indent="-34290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rgbClr val="FFC000"/>
                </a:solidFill>
              </a:rPr>
              <a:t>Compaction Quality </a:t>
            </a:r>
            <a:r>
              <a:rPr lang="en-US" sz="2000" dirty="0">
                <a:solidFill>
                  <a:srgbClr val="FFC000"/>
                </a:solidFill>
              </a:rPr>
              <a:t>C</a:t>
            </a:r>
            <a:r>
              <a:rPr lang="en-US" sz="2000" dirty="0" smtClean="0">
                <a:solidFill>
                  <a:srgbClr val="FFC000"/>
                </a:solidFill>
              </a:rPr>
              <a:t>ontrol report </a:t>
            </a:r>
          </a:p>
          <a:p>
            <a:pPr marL="1257300" lvl="2" indent="-342900">
              <a:buFont typeface="Arial" panose="020B0604020202020204" pitchFamily="34" charset="0"/>
              <a:buChar char="•"/>
            </a:pPr>
            <a:endParaRPr lang="en-US" sz="2000" dirty="0">
              <a:solidFill>
                <a:srgbClr val="FFC000"/>
              </a:solidFill>
            </a:endParaRP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rgbClr val="FFC000"/>
                </a:solidFill>
              </a:rPr>
              <a:t>Information (Data) submittals </a:t>
            </a:r>
          </a:p>
          <a:p>
            <a:pPr marL="1257300" lvl="2" indent="-34290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rgbClr val="FFC000"/>
                </a:solidFill>
              </a:rPr>
              <a:t>Data uploading to DOT servers</a:t>
            </a:r>
          </a:p>
          <a:p>
            <a:pPr marL="800100" lvl="1" indent="-342900">
              <a:buFont typeface="Arial" panose="020B0604020202020204" pitchFamily="34" charset="0"/>
              <a:buChar char="•"/>
            </a:pPr>
            <a:endParaRPr lang="en-US" sz="2000" dirty="0">
              <a:solidFill>
                <a:srgbClr val="FFC000"/>
              </a:solidFill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096000" y="2590800"/>
            <a:ext cx="2819400" cy="304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505660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T IC Target Valu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0"/>
          </p:nvPr>
        </p:nvSpPr>
        <p:spPr/>
        <p:txBody>
          <a:bodyPr/>
          <a:lstStyle/>
          <a:p>
            <a:r>
              <a:rPr lang="en-US" sz="2400" b="1" dirty="0"/>
              <a:t>I</a:t>
            </a:r>
            <a:r>
              <a:rPr lang="en-US" sz="2400" b="1" dirty="0" smtClean="0"/>
              <a:t>ntelligent </a:t>
            </a:r>
            <a:r>
              <a:rPr lang="en-US" sz="2400" b="1" dirty="0"/>
              <a:t>C</a:t>
            </a:r>
            <a:r>
              <a:rPr lang="en-US" sz="2400" b="1" dirty="0" smtClean="0"/>
              <a:t>ompaction </a:t>
            </a:r>
            <a:r>
              <a:rPr lang="en-US" sz="2400" b="1" dirty="0"/>
              <a:t>T</a:t>
            </a:r>
            <a:r>
              <a:rPr lang="en-US" sz="2400" b="1" dirty="0" smtClean="0"/>
              <a:t>arget </a:t>
            </a:r>
            <a:r>
              <a:rPr lang="en-US" sz="2400" b="1" dirty="0"/>
              <a:t>V</a:t>
            </a:r>
            <a:r>
              <a:rPr lang="en-US" sz="2400" b="1" dirty="0" smtClean="0"/>
              <a:t>alue</a:t>
            </a:r>
            <a:r>
              <a:rPr lang="en-US" sz="2400" b="1" dirty="0"/>
              <a:t>:</a:t>
            </a:r>
            <a:r>
              <a:rPr lang="en-US" sz="2400" dirty="0"/>
              <a:t> Compaction target values established at test </a:t>
            </a:r>
            <a:r>
              <a:rPr lang="en-US" sz="2400" dirty="0" smtClean="0"/>
              <a:t>strip (&gt;0.15’) </a:t>
            </a:r>
            <a:r>
              <a:rPr lang="en-US" sz="2400" dirty="0"/>
              <a:t>or specified that are used by roller operator to monitor compaction and in data analysis to generate compaction quality control report.</a:t>
            </a:r>
          </a:p>
          <a:p>
            <a:pPr lvl="1"/>
            <a:r>
              <a:rPr lang="en-US" sz="2400" dirty="0" smtClean="0"/>
              <a:t>No. of Passes</a:t>
            </a:r>
          </a:p>
          <a:p>
            <a:pPr lvl="1"/>
            <a:r>
              <a:rPr lang="en-US" sz="2400" dirty="0" smtClean="0"/>
              <a:t>Breakdown Compaction Temperature</a:t>
            </a:r>
          </a:p>
          <a:p>
            <a:pPr lvl="1"/>
            <a:r>
              <a:rPr lang="en-US" sz="2400" dirty="0" smtClean="0"/>
              <a:t>Intermediate Compaction temperature</a:t>
            </a:r>
          </a:p>
          <a:p>
            <a:pPr lvl="1"/>
            <a:r>
              <a:rPr lang="en-US" sz="2400" dirty="0" smtClean="0"/>
              <a:t>Intelligent Compaction Measurement Value (Pseudo Stiffness)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24335864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61987" y="1452562"/>
            <a:ext cx="7820025" cy="39528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606910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40057" y="140711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1800" dirty="0" smtClean="0"/>
              <a:t/>
            </a:r>
            <a:br>
              <a:rPr lang="en-US" sz="1800" dirty="0" smtClean="0"/>
            </a:br>
            <a:r>
              <a:rPr lang="en-US" sz="1800" dirty="0"/>
              <a:t/>
            </a:r>
            <a:br>
              <a:rPr lang="en-US" sz="1800" dirty="0"/>
            </a:br>
            <a:r>
              <a:rPr lang="en-US" sz="1800" dirty="0" smtClean="0"/>
              <a:t/>
            </a:r>
            <a:br>
              <a:rPr lang="en-US" sz="1800" dirty="0" smtClean="0"/>
            </a:br>
            <a:r>
              <a:rPr lang="en-US" sz="1800" dirty="0"/>
              <a:t/>
            </a:r>
            <a:br>
              <a:rPr lang="en-US" sz="1800" dirty="0"/>
            </a:br>
            <a:r>
              <a:rPr lang="en-US" sz="1800" dirty="0" smtClean="0"/>
              <a:t/>
            </a:r>
            <a:br>
              <a:rPr lang="en-US" sz="1800" dirty="0" smtClean="0"/>
            </a:br>
            <a:r>
              <a:rPr lang="en-US" sz="1800" dirty="0"/>
              <a:t/>
            </a:r>
            <a:br>
              <a:rPr lang="en-US" sz="1800" dirty="0"/>
            </a:br>
            <a:r>
              <a:rPr lang="en-US" sz="2700" b="1" dirty="0" smtClean="0">
                <a:solidFill>
                  <a:schemeClr val="bg1"/>
                </a:solidFill>
              </a:rPr>
              <a:t>Section 39- Hot Mix Asphalt</a:t>
            </a:r>
            <a:r>
              <a:rPr lang="en-US" sz="2400" dirty="0" smtClean="0">
                <a:solidFill>
                  <a:schemeClr val="bg1"/>
                </a:solidFill>
              </a:rPr>
              <a:t/>
            </a:r>
            <a:br>
              <a:rPr lang="en-US" sz="2400" dirty="0" smtClean="0">
                <a:solidFill>
                  <a:schemeClr val="bg1"/>
                </a:solidFill>
              </a:rPr>
            </a:br>
            <a:r>
              <a:rPr lang="en-US" sz="2400" dirty="0" smtClean="0">
                <a:solidFill>
                  <a:schemeClr val="bg1"/>
                </a:solidFill>
              </a:rPr>
              <a:t/>
            </a:r>
            <a:br>
              <a:rPr lang="en-US" sz="2400" dirty="0" smtClean="0">
                <a:solidFill>
                  <a:schemeClr val="bg1"/>
                </a:solidFill>
              </a:rPr>
            </a:br>
            <a:r>
              <a:rPr lang="en-US" sz="1800" b="1" dirty="0" smtClean="0">
                <a:solidFill>
                  <a:schemeClr val="bg1"/>
                </a:solidFill>
              </a:rPr>
              <a:t/>
            </a:r>
            <a:br>
              <a:rPr lang="en-US" sz="1800" b="1" dirty="0" smtClean="0">
                <a:solidFill>
                  <a:schemeClr val="bg1"/>
                </a:solidFill>
              </a:rPr>
            </a:br>
            <a:r>
              <a:rPr lang="en-US" sz="1800" b="1" dirty="0" smtClean="0"/>
              <a:t/>
            </a:r>
            <a:br>
              <a:rPr lang="en-US" sz="1800" b="1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492457" y="713032"/>
            <a:ext cx="79248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>
                <a:solidFill>
                  <a:schemeClr val="bg1"/>
                </a:solidFill>
              </a:rPr>
              <a:t>Intelligent Compaction Target Values</a:t>
            </a:r>
            <a:br>
              <a:rPr lang="en-US" b="1" dirty="0">
                <a:solidFill>
                  <a:schemeClr val="bg1"/>
                </a:solidFill>
              </a:rPr>
            </a:br>
            <a:r>
              <a:rPr lang="en-US" b="1" dirty="0">
                <a:solidFill>
                  <a:schemeClr val="bg1"/>
                </a:solidFill>
              </a:rPr>
              <a:t>Method Compaction</a:t>
            </a:r>
            <a:r>
              <a:rPr lang="en-US" b="1" dirty="0"/>
              <a:t> </a:t>
            </a:r>
            <a:endParaRPr lang="en-US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99197" y="140711"/>
            <a:ext cx="8001000" cy="2895600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99197" y="3131787"/>
            <a:ext cx="8170460" cy="368956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059597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000" dirty="0" smtClean="0"/>
              <a:t>IC Quality Compaction Summary</a:t>
            </a:r>
            <a:r>
              <a:rPr lang="en-US" sz="3200" dirty="0" smtClean="0"/>
              <a:t/>
            </a:r>
            <a:br>
              <a:rPr lang="en-US" sz="3200" dirty="0" smtClean="0"/>
            </a:br>
            <a:endParaRPr lang="en-US" sz="20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09600" y="762000"/>
            <a:ext cx="7696200" cy="4804269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8175" y="5638800"/>
            <a:ext cx="7667625" cy="8286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194414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Veta Viewer</a:t>
            </a:r>
            <a:endParaRPr lang="en-US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52400" y="1243957"/>
            <a:ext cx="8930034" cy="545211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211486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800" dirty="0" smtClean="0"/>
              <a:t>Section 39-2.01C(15)(b) </a:t>
            </a:r>
            <a:br>
              <a:rPr lang="en-US" sz="2800" dirty="0" smtClean="0"/>
            </a:br>
            <a:r>
              <a:rPr lang="en-US" sz="2800" dirty="0" smtClean="0"/>
              <a:t>Method </a:t>
            </a:r>
            <a:r>
              <a:rPr lang="en-US" sz="2800" dirty="0" smtClean="0"/>
              <a:t>Compaction</a:t>
            </a:r>
            <a:endParaRPr lang="en-US" sz="2800" dirty="0"/>
          </a:p>
        </p:txBody>
      </p:sp>
      <p:sp>
        <p:nvSpPr>
          <p:cNvPr id="3" name="TextBox 2"/>
          <p:cNvSpPr txBox="1"/>
          <p:nvPr/>
        </p:nvSpPr>
        <p:spPr>
          <a:xfrm>
            <a:off x="290817" y="1143000"/>
            <a:ext cx="8534400" cy="498598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>
                <a:solidFill>
                  <a:schemeClr val="bg1"/>
                </a:solidFill>
              </a:rPr>
              <a:t>39-2.01C(15)(b)  Method Compaction</a:t>
            </a:r>
          </a:p>
          <a:p>
            <a:r>
              <a:rPr lang="en-US" sz="1200" dirty="0">
                <a:solidFill>
                  <a:schemeClr val="bg1"/>
                </a:solidFill>
              </a:rPr>
              <a:t>Use method compaction for any of the following conditions:</a:t>
            </a:r>
          </a:p>
          <a:p>
            <a:r>
              <a:rPr lang="en-US" sz="1200" dirty="0">
                <a:solidFill>
                  <a:schemeClr val="bg1"/>
                </a:solidFill>
              </a:rPr>
              <a:t>1.	HMA pavement thickness shown is </a:t>
            </a:r>
            <a:r>
              <a:rPr lang="en-US" sz="1200" dirty="0">
                <a:solidFill>
                  <a:srgbClr val="FFFF00"/>
                </a:solidFill>
              </a:rPr>
              <a:t>less than 0.15 foot</a:t>
            </a:r>
          </a:p>
          <a:p>
            <a:r>
              <a:rPr lang="en-US" sz="1200" dirty="0">
                <a:solidFill>
                  <a:schemeClr val="bg1"/>
                </a:solidFill>
              </a:rPr>
              <a:t>2.	Replace asphalt concrete surfacing</a:t>
            </a:r>
          </a:p>
          <a:p>
            <a:r>
              <a:rPr lang="en-US" sz="1200" dirty="0">
                <a:solidFill>
                  <a:schemeClr val="bg1"/>
                </a:solidFill>
              </a:rPr>
              <a:t>3.	Leveling courses</a:t>
            </a:r>
          </a:p>
          <a:p>
            <a:r>
              <a:rPr lang="en-US" sz="1200" dirty="0">
                <a:solidFill>
                  <a:schemeClr val="bg1"/>
                </a:solidFill>
              </a:rPr>
              <a:t>4.	Areas the Engineer determines conventional compaction and compaction measurement methods are impeded</a:t>
            </a:r>
          </a:p>
          <a:p>
            <a:r>
              <a:rPr lang="en-US" sz="1200" dirty="0">
                <a:solidFill>
                  <a:schemeClr val="bg1"/>
                </a:solidFill>
              </a:rPr>
              <a:t> </a:t>
            </a:r>
          </a:p>
          <a:p>
            <a:r>
              <a:rPr lang="en-US" sz="1200" dirty="0">
                <a:solidFill>
                  <a:schemeClr val="bg1"/>
                </a:solidFill>
              </a:rPr>
              <a:t>HMA compaction coverage is the number of passes needed to cover the paving width. A pass is 1 roller's movement parallel to the paving in either direction. Overlapping passes are part of the coverage being made and are not a subsequent coverage. Do not start a coverage until completing the prior coverage</a:t>
            </a:r>
            <a:r>
              <a:rPr lang="en-US" sz="1200" dirty="0" smtClean="0">
                <a:solidFill>
                  <a:schemeClr val="bg1"/>
                </a:solidFill>
              </a:rPr>
              <a:t>.</a:t>
            </a:r>
          </a:p>
          <a:p>
            <a:endParaRPr lang="en-US" sz="1200" dirty="0">
              <a:solidFill>
                <a:schemeClr val="bg1"/>
              </a:solidFill>
            </a:endParaRPr>
          </a:p>
          <a:p>
            <a:r>
              <a:rPr lang="en-US" dirty="0">
                <a:solidFill>
                  <a:srgbClr val="FFFF00"/>
                </a:solidFill>
              </a:rPr>
              <a:t>Method compaction must consist of performing:</a:t>
            </a:r>
          </a:p>
          <a:p>
            <a:r>
              <a:rPr lang="en-US" dirty="0">
                <a:solidFill>
                  <a:srgbClr val="FFFF00"/>
                </a:solidFill>
              </a:rPr>
              <a:t>1.	</a:t>
            </a:r>
            <a:r>
              <a:rPr lang="en-US" b="1" u="sng" dirty="0">
                <a:solidFill>
                  <a:srgbClr val="FFFF00"/>
                </a:solidFill>
              </a:rPr>
              <a:t>Breakdown compaction </a:t>
            </a:r>
            <a:r>
              <a:rPr lang="en-US" dirty="0">
                <a:solidFill>
                  <a:srgbClr val="FFFF00"/>
                </a:solidFill>
              </a:rPr>
              <a:t>of each layer with </a:t>
            </a:r>
            <a:r>
              <a:rPr lang="en-US" b="1" u="sng" dirty="0">
                <a:solidFill>
                  <a:srgbClr val="FFFF00"/>
                </a:solidFill>
              </a:rPr>
              <a:t>3 coverages </a:t>
            </a:r>
            <a:r>
              <a:rPr lang="en-US" dirty="0">
                <a:solidFill>
                  <a:srgbClr val="FFFF00"/>
                </a:solidFill>
              </a:rPr>
              <a:t>using a</a:t>
            </a:r>
            <a:r>
              <a:rPr lang="en-US" u="sng" dirty="0">
                <a:solidFill>
                  <a:srgbClr val="FFFF00"/>
                </a:solidFill>
              </a:rPr>
              <a:t> </a:t>
            </a:r>
            <a:r>
              <a:rPr lang="en-US" b="1" u="sng" dirty="0">
                <a:solidFill>
                  <a:srgbClr val="FFFF00"/>
                </a:solidFill>
              </a:rPr>
              <a:t>vibratory roller</a:t>
            </a:r>
            <a:r>
              <a:rPr lang="en-US" dirty="0">
                <a:solidFill>
                  <a:srgbClr val="FFFF00"/>
                </a:solidFill>
              </a:rPr>
              <a:t>. </a:t>
            </a:r>
            <a:r>
              <a:rPr lang="en-US" b="1" u="sng" dirty="0">
                <a:solidFill>
                  <a:srgbClr val="FFFF00"/>
                </a:solidFill>
              </a:rPr>
              <a:t>The speed of the vibratory roller in miles </a:t>
            </a:r>
            <a:r>
              <a:rPr lang="en-US" dirty="0">
                <a:solidFill>
                  <a:srgbClr val="FFFF00"/>
                </a:solidFill>
              </a:rPr>
              <a:t>per hour must not exceed the vibrations per minute divided by 1,000. If the HMA layer thickness is less than 0.08 foot, turn the vibrator off.</a:t>
            </a:r>
          </a:p>
          <a:p>
            <a:r>
              <a:rPr lang="en-US" dirty="0">
                <a:solidFill>
                  <a:srgbClr val="FFFF00"/>
                </a:solidFill>
              </a:rPr>
              <a:t>2.	</a:t>
            </a:r>
            <a:r>
              <a:rPr lang="en-US" b="1" u="sng" dirty="0">
                <a:solidFill>
                  <a:srgbClr val="FFFF00"/>
                </a:solidFill>
              </a:rPr>
              <a:t>Intermediate compaction </a:t>
            </a:r>
            <a:r>
              <a:rPr lang="en-US" dirty="0">
                <a:solidFill>
                  <a:srgbClr val="FFFF00"/>
                </a:solidFill>
              </a:rPr>
              <a:t>of each layer of HMA with </a:t>
            </a:r>
            <a:r>
              <a:rPr lang="en-US" b="1" u="sng" dirty="0">
                <a:solidFill>
                  <a:srgbClr val="FFFF00"/>
                </a:solidFill>
              </a:rPr>
              <a:t>3 coverages </a:t>
            </a:r>
            <a:r>
              <a:rPr lang="en-US" dirty="0">
                <a:solidFill>
                  <a:srgbClr val="FFFF00"/>
                </a:solidFill>
              </a:rPr>
              <a:t>using a </a:t>
            </a:r>
            <a:r>
              <a:rPr lang="en-US" b="1" dirty="0">
                <a:solidFill>
                  <a:srgbClr val="FFFF00"/>
                </a:solidFill>
              </a:rPr>
              <a:t>pneumatic-tired </a:t>
            </a:r>
            <a:r>
              <a:rPr lang="en-US" b="1" dirty="0" smtClean="0">
                <a:solidFill>
                  <a:srgbClr val="FFFF00"/>
                </a:solidFill>
              </a:rPr>
              <a:t>roller*</a:t>
            </a:r>
            <a:r>
              <a:rPr lang="en-US" dirty="0" smtClean="0">
                <a:solidFill>
                  <a:srgbClr val="FFFF00"/>
                </a:solidFill>
              </a:rPr>
              <a:t> </a:t>
            </a:r>
            <a:r>
              <a:rPr lang="en-US" dirty="0">
                <a:solidFill>
                  <a:srgbClr val="FFFF00"/>
                </a:solidFill>
              </a:rPr>
              <a:t>at a speed not to exceed </a:t>
            </a:r>
            <a:r>
              <a:rPr lang="en-US" b="1" u="sng" dirty="0">
                <a:solidFill>
                  <a:srgbClr val="FFFF00"/>
                </a:solidFill>
              </a:rPr>
              <a:t>5 mph</a:t>
            </a:r>
            <a:r>
              <a:rPr lang="en-US" dirty="0">
                <a:solidFill>
                  <a:srgbClr val="FFFF00"/>
                </a:solidFill>
              </a:rPr>
              <a:t>.</a:t>
            </a:r>
          </a:p>
          <a:p>
            <a:pPr marL="342900" indent="-342900">
              <a:buAutoNum type="arabicPeriod" startAt="3"/>
            </a:pPr>
            <a:r>
              <a:rPr lang="en-US" dirty="0" smtClean="0">
                <a:solidFill>
                  <a:schemeClr val="bg1"/>
                </a:solidFill>
              </a:rPr>
              <a:t>Finish </a:t>
            </a:r>
            <a:r>
              <a:rPr lang="en-US" dirty="0">
                <a:solidFill>
                  <a:schemeClr val="bg1"/>
                </a:solidFill>
              </a:rPr>
              <a:t>compaction of HMA with 1 coverage using a steel-tired roller</a:t>
            </a:r>
            <a:r>
              <a:rPr lang="en-US" dirty="0" smtClean="0">
                <a:solidFill>
                  <a:schemeClr val="bg1"/>
                </a:solidFill>
              </a:rPr>
              <a:t>.</a:t>
            </a:r>
          </a:p>
          <a:p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* RHMA use steel roller for intermediate compaction.</a:t>
            </a:r>
            <a:endParaRPr lang="en-US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31818823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verage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1000" y="1066800"/>
            <a:ext cx="8106332" cy="538544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069209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ass Counts</a:t>
            </a:r>
            <a:endParaRPr lang="en-US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66906" y="1752600"/>
            <a:ext cx="8782221" cy="47815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996797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1</a:t>
            </a:r>
            <a:r>
              <a:rPr lang="en-US" baseline="30000" dirty="0" smtClean="0"/>
              <a:t>st</a:t>
            </a:r>
            <a:r>
              <a:rPr lang="en-US" dirty="0" smtClean="0"/>
              <a:t> Pass Breakdown Temp.</a:t>
            </a:r>
            <a:endParaRPr lang="en-US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1000" y="1600200"/>
            <a:ext cx="8247436" cy="4953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014266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1</a:t>
            </a:r>
            <a:r>
              <a:rPr lang="en-US" baseline="30000" dirty="0" smtClean="0"/>
              <a:t>st</a:t>
            </a:r>
            <a:r>
              <a:rPr lang="en-US" dirty="0" smtClean="0"/>
              <a:t> Pass Breakdown Temp.</a:t>
            </a:r>
            <a:endParaRPr lang="en-US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48004" y="1371600"/>
            <a:ext cx="7820025" cy="48387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383447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800" dirty="0" smtClean="0"/>
              <a:t>Last Pass Intermediate Compaction</a:t>
            </a:r>
            <a:endParaRPr lang="en-US" sz="2800" dirty="0"/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33400" y="1371600"/>
            <a:ext cx="7867650" cy="49339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066200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" y="100956"/>
            <a:ext cx="9116032" cy="1880244"/>
          </a:xfrm>
        </p:spPr>
        <p:txBody>
          <a:bodyPr/>
          <a:lstStyle/>
          <a:p>
            <a:r>
              <a:rPr lang="en-US" dirty="0" smtClean="0"/>
              <a:t>Exploring Possible Density QA</a:t>
            </a:r>
            <a:br>
              <a:rPr lang="en-US" dirty="0" smtClean="0"/>
            </a:br>
            <a:r>
              <a:rPr lang="en-US" dirty="0" smtClean="0"/>
              <a:t>with Ground Penetrating Radar</a:t>
            </a:r>
            <a:br>
              <a:rPr lang="en-US" dirty="0" smtClean="0"/>
            </a:br>
            <a:r>
              <a:rPr lang="en-US" sz="2800" dirty="0" smtClean="0"/>
              <a:t>(Ken Maser (</a:t>
            </a:r>
            <a:r>
              <a:rPr lang="en-US" sz="2800" dirty="0" err="1" smtClean="0"/>
              <a:t>Infrasense</a:t>
            </a:r>
            <a:r>
              <a:rPr lang="en-US" sz="2800" dirty="0" smtClean="0"/>
              <a:t>)</a:t>
            </a:r>
            <a:endParaRPr lang="en-US" sz="2800" dirty="0"/>
          </a:p>
        </p:txBody>
      </p:sp>
      <p:grpSp>
        <p:nvGrpSpPr>
          <p:cNvPr id="17" name="Group 16"/>
          <p:cNvGrpSpPr/>
          <p:nvPr/>
        </p:nvGrpSpPr>
        <p:grpSpPr>
          <a:xfrm>
            <a:off x="1981200" y="2514600"/>
            <a:ext cx="5792486" cy="2895600"/>
            <a:chOff x="-1296686" y="1447800"/>
            <a:chExt cx="11737372" cy="4711791"/>
          </a:xfrm>
        </p:grpSpPr>
        <p:pic>
          <p:nvPicPr>
            <p:cNvPr id="4" name="Picture 3"/>
            <p:cNvPicPr>
              <a:picLocks noChangeAspect="1"/>
            </p:cNvPicPr>
            <p:nvPr/>
          </p:nvPicPr>
          <p:blipFill>
            <a:blip r:embed="rId2"/>
            <a:stretch>
              <a:fillRect/>
            </a:stretch>
          </p:blipFill>
          <p:spPr>
            <a:xfrm>
              <a:off x="-1296686" y="1447800"/>
              <a:ext cx="11737372" cy="419203"/>
            </a:xfrm>
            <a:prstGeom prst="rect">
              <a:avLst/>
            </a:prstGeom>
          </p:spPr>
        </p:pic>
        <p:pic>
          <p:nvPicPr>
            <p:cNvPr id="5" name="Picture 4"/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>
              <a:off x="-1296686" y="2280447"/>
              <a:ext cx="11737372" cy="419203"/>
            </a:xfrm>
            <a:prstGeom prst="rect">
              <a:avLst/>
            </a:prstGeom>
          </p:spPr>
        </p:pic>
        <p:pic>
          <p:nvPicPr>
            <p:cNvPr id="6" name="Picture 5"/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-1296686" y="1861244"/>
              <a:ext cx="11737372" cy="419203"/>
            </a:xfrm>
            <a:prstGeom prst="rect">
              <a:avLst/>
            </a:prstGeom>
          </p:spPr>
        </p:pic>
        <p:pic>
          <p:nvPicPr>
            <p:cNvPr id="7" name="Picture 6"/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>
              <a:off x="-1296686" y="2652252"/>
              <a:ext cx="11737372" cy="419203"/>
            </a:xfrm>
            <a:prstGeom prst="rect">
              <a:avLst/>
            </a:prstGeom>
          </p:spPr>
        </p:pic>
        <p:pic>
          <p:nvPicPr>
            <p:cNvPr id="8" name="Picture 7"/>
            <p:cNvPicPr>
              <a:picLocks noChangeAspect="1"/>
            </p:cNvPicPr>
            <p:nvPr/>
          </p:nvPicPr>
          <p:blipFill>
            <a:blip r:embed="rId6"/>
            <a:stretch>
              <a:fillRect/>
            </a:stretch>
          </p:blipFill>
          <p:spPr>
            <a:xfrm>
              <a:off x="-1296686" y="3048000"/>
              <a:ext cx="11737372" cy="419203"/>
            </a:xfrm>
            <a:prstGeom prst="rect">
              <a:avLst/>
            </a:prstGeom>
          </p:spPr>
        </p:pic>
        <p:pic>
          <p:nvPicPr>
            <p:cNvPr id="9" name="Picture 8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-1296686" y="3473244"/>
              <a:ext cx="11737372" cy="419203"/>
            </a:xfrm>
            <a:prstGeom prst="rect">
              <a:avLst/>
            </a:prstGeom>
          </p:spPr>
        </p:pic>
        <p:pic>
          <p:nvPicPr>
            <p:cNvPr id="10" name="Picture 9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-1296686" y="3810000"/>
              <a:ext cx="11737372" cy="419203"/>
            </a:xfrm>
            <a:prstGeom prst="rect">
              <a:avLst/>
            </a:prstGeom>
          </p:spPr>
        </p:pic>
        <p:pic>
          <p:nvPicPr>
            <p:cNvPr id="11" name="Picture 10"/>
            <p:cNvPicPr>
              <a:picLocks noChangeAspect="1"/>
            </p:cNvPicPr>
            <p:nvPr/>
          </p:nvPicPr>
          <p:blipFill>
            <a:blip r:embed="rId9"/>
            <a:stretch>
              <a:fillRect/>
            </a:stretch>
          </p:blipFill>
          <p:spPr>
            <a:xfrm>
              <a:off x="-1296686" y="4220496"/>
              <a:ext cx="11737372" cy="419203"/>
            </a:xfrm>
            <a:prstGeom prst="rect">
              <a:avLst/>
            </a:prstGeom>
          </p:spPr>
        </p:pic>
        <p:pic>
          <p:nvPicPr>
            <p:cNvPr id="12" name="Picture 11"/>
            <p:cNvPicPr>
              <a:picLocks noChangeAspect="1"/>
            </p:cNvPicPr>
            <p:nvPr/>
          </p:nvPicPr>
          <p:blipFill>
            <a:blip r:embed="rId10"/>
            <a:stretch>
              <a:fillRect/>
            </a:stretch>
          </p:blipFill>
          <p:spPr>
            <a:xfrm>
              <a:off x="-1296686" y="4618704"/>
              <a:ext cx="11737372" cy="419203"/>
            </a:xfrm>
            <a:prstGeom prst="rect">
              <a:avLst/>
            </a:prstGeom>
          </p:spPr>
        </p:pic>
        <p:pic>
          <p:nvPicPr>
            <p:cNvPr id="13" name="Picture 12"/>
            <p:cNvPicPr>
              <a:picLocks noChangeAspect="1"/>
            </p:cNvPicPr>
            <p:nvPr/>
          </p:nvPicPr>
          <p:blipFill>
            <a:blip r:embed="rId11"/>
            <a:stretch>
              <a:fillRect/>
            </a:stretch>
          </p:blipFill>
          <p:spPr>
            <a:xfrm>
              <a:off x="-1296686" y="5022953"/>
              <a:ext cx="11737372" cy="419203"/>
            </a:xfrm>
            <a:prstGeom prst="rect">
              <a:avLst/>
            </a:prstGeom>
          </p:spPr>
        </p:pic>
        <p:pic>
          <p:nvPicPr>
            <p:cNvPr id="15" name="Picture 14"/>
            <p:cNvPicPr>
              <a:picLocks noChangeAspect="1"/>
            </p:cNvPicPr>
            <p:nvPr/>
          </p:nvPicPr>
          <p:blipFill>
            <a:blip r:embed="rId12"/>
            <a:stretch>
              <a:fillRect/>
            </a:stretch>
          </p:blipFill>
          <p:spPr>
            <a:xfrm>
              <a:off x="-1296686" y="5410200"/>
              <a:ext cx="11737372" cy="419203"/>
            </a:xfrm>
            <a:prstGeom prst="rect">
              <a:avLst/>
            </a:prstGeom>
          </p:spPr>
        </p:pic>
        <p:pic>
          <p:nvPicPr>
            <p:cNvPr id="16" name="Picture 15"/>
            <p:cNvPicPr>
              <a:picLocks noChangeAspect="1"/>
            </p:cNvPicPr>
            <p:nvPr/>
          </p:nvPicPr>
          <p:blipFill>
            <a:blip r:embed="rId13"/>
            <a:stretch>
              <a:fillRect/>
            </a:stretch>
          </p:blipFill>
          <p:spPr>
            <a:xfrm>
              <a:off x="-1296686" y="5791200"/>
              <a:ext cx="11737372" cy="368391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145728434"/>
      </p:ext>
    </p:extLst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 txBox="1"/>
          <p:nvPr/>
        </p:nvSpPr>
        <p:spPr>
          <a:xfrm>
            <a:off x="3645086" y="1143000"/>
            <a:ext cx="2170319" cy="25885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7470" marR="2988" indent="250250">
              <a:lnSpc>
                <a:spcPct val="110200"/>
              </a:lnSpc>
            </a:pPr>
            <a:r>
              <a:rPr sz="1529" spc="-9" dirty="0" smtClean="0">
                <a:latin typeface="Times New Roman"/>
                <a:cs typeface="Times New Roman"/>
              </a:rPr>
              <a:t>GPR</a:t>
            </a:r>
            <a:r>
              <a:rPr sz="1529" dirty="0" smtClean="0">
                <a:latin typeface="Times New Roman"/>
                <a:cs typeface="Times New Roman"/>
              </a:rPr>
              <a:t> </a:t>
            </a:r>
            <a:r>
              <a:rPr sz="1529" spc="-9" dirty="0">
                <a:latin typeface="Times New Roman"/>
                <a:cs typeface="Times New Roman"/>
              </a:rPr>
              <a:t>Dielectric</a:t>
            </a:r>
            <a:r>
              <a:rPr sz="1529" dirty="0">
                <a:latin typeface="Times New Roman"/>
                <a:cs typeface="Times New Roman"/>
              </a:rPr>
              <a:t> </a:t>
            </a:r>
            <a:r>
              <a:rPr sz="1529" spc="-12" dirty="0">
                <a:latin typeface="Times New Roman"/>
                <a:cs typeface="Times New Roman"/>
              </a:rPr>
              <a:t>Map</a:t>
            </a:r>
            <a:endParaRPr sz="1529" dirty="0">
              <a:latin typeface="Times New Roman"/>
              <a:cs typeface="Times New Roman"/>
            </a:endParaRPr>
          </a:p>
        </p:txBody>
      </p:sp>
      <p:sp>
        <p:nvSpPr>
          <p:cNvPr id="3" name="object 3"/>
          <p:cNvSpPr/>
          <p:nvPr/>
        </p:nvSpPr>
        <p:spPr>
          <a:xfrm>
            <a:off x="6703358" y="3391796"/>
            <a:ext cx="1830294" cy="36979"/>
          </a:xfrm>
          <a:custGeom>
            <a:avLst/>
            <a:gdLst/>
            <a:ahLst/>
            <a:cxnLst/>
            <a:rect l="l" t="t" r="r" b="b"/>
            <a:pathLst>
              <a:path w="3111500" h="62864">
                <a:moveTo>
                  <a:pt x="116586" y="0"/>
                </a:moveTo>
                <a:lnTo>
                  <a:pt x="0" y="0"/>
                </a:lnTo>
                <a:lnTo>
                  <a:pt x="11430" y="9906"/>
                </a:lnTo>
                <a:lnTo>
                  <a:pt x="25146" y="16763"/>
                </a:lnTo>
                <a:lnTo>
                  <a:pt x="38862" y="21336"/>
                </a:lnTo>
                <a:lnTo>
                  <a:pt x="51816" y="25908"/>
                </a:lnTo>
                <a:lnTo>
                  <a:pt x="65532" y="26670"/>
                </a:lnTo>
                <a:lnTo>
                  <a:pt x="79248" y="18287"/>
                </a:lnTo>
                <a:lnTo>
                  <a:pt x="92202" y="15240"/>
                </a:lnTo>
                <a:lnTo>
                  <a:pt x="105918" y="15240"/>
                </a:lnTo>
                <a:lnTo>
                  <a:pt x="116586" y="0"/>
                </a:lnTo>
                <a:close/>
              </a:path>
              <a:path w="3111500" h="62864">
                <a:moveTo>
                  <a:pt x="963930" y="0"/>
                </a:moveTo>
                <a:lnTo>
                  <a:pt x="288036" y="0"/>
                </a:lnTo>
                <a:lnTo>
                  <a:pt x="294894" y="23622"/>
                </a:lnTo>
                <a:lnTo>
                  <a:pt x="297942" y="27432"/>
                </a:lnTo>
                <a:lnTo>
                  <a:pt x="307848" y="36575"/>
                </a:lnTo>
                <a:lnTo>
                  <a:pt x="321072" y="39518"/>
                </a:lnTo>
                <a:lnTo>
                  <a:pt x="333492" y="42763"/>
                </a:lnTo>
                <a:lnTo>
                  <a:pt x="345291" y="46168"/>
                </a:lnTo>
                <a:lnTo>
                  <a:pt x="356652" y="49591"/>
                </a:lnTo>
                <a:lnTo>
                  <a:pt x="367757" y="52891"/>
                </a:lnTo>
                <a:lnTo>
                  <a:pt x="413295" y="62015"/>
                </a:lnTo>
                <a:lnTo>
                  <a:pt x="425873" y="62566"/>
                </a:lnTo>
                <a:lnTo>
                  <a:pt x="439296" y="62142"/>
                </a:lnTo>
                <a:lnTo>
                  <a:pt x="453746" y="60600"/>
                </a:lnTo>
                <a:lnTo>
                  <a:pt x="470154" y="57150"/>
                </a:lnTo>
                <a:lnTo>
                  <a:pt x="483108" y="54863"/>
                </a:lnTo>
                <a:lnTo>
                  <a:pt x="495109" y="53959"/>
                </a:lnTo>
                <a:lnTo>
                  <a:pt x="507346" y="53649"/>
                </a:lnTo>
                <a:lnTo>
                  <a:pt x="519776" y="53762"/>
                </a:lnTo>
                <a:lnTo>
                  <a:pt x="532358" y="54124"/>
                </a:lnTo>
                <a:lnTo>
                  <a:pt x="545052" y="54563"/>
                </a:lnTo>
                <a:lnTo>
                  <a:pt x="557815" y="54905"/>
                </a:lnTo>
                <a:lnTo>
                  <a:pt x="570606" y="54977"/>
                </a:lnTo>
                <a:lnTo>
                  <a:pt x="583384" y="54607"/>
                </a:lnTo>
                <a:lnTo>
                  <a:pt x="596109" y="53621"/>
                </a:lnTo>
                <a:lnTo>
                  <a:pt x="617982" y="51054"/>
                </a:lnTo>
                <a:lnTo>
                  <a:pt x="631698" y="49530"/>
                </a:lnTo>
                <a:lnTo>
                  <a:pt x="644652" y="48768"/>
                </a:lnTo>
                <a:lnTo>
                  <a:pt x="658368" y="47244"/>
                </a:lnTo>
                <a:lnTo>
                  <a:pt x="669190" y="45677"/>
                </a:lnTo>
                <a:lnTo>
                  <a:pt x="680809" y="44542"/>
                </a:lnTo>
                <a:lnTo>
                  <a:pt x="693089" y="43782"/>
                </a:lnTo>
                <a:lnTo>
                  <a:pt x="705895" y="43339"/>
                </a:lnTo>
                <a:lnTo>
                  <a:pt x="719090" y="43156"/>
                </a:lnTo>
                <a:lnTo>
                  <a:pt x="732541" y="43175"/>
                </a:lnTo>
                <a:lnTo>
                  <a:pt x="746112" y="43338"/>
                </a:lnTo>
                <a:lnTo>
                  <a:pt x="759667" y="43589"/>
                </a:lnTo>
                <a:lnTo>
                  <a:pt x="786190" y="44121"/>
                </a:lnTo>
                <a:lnTo>
                  <a:pt x="833628" y="44196"/>
                </a:lnTo>
                <a:lnTo>
                  <a:pt x="847344" y="41910"/>
                </a:lnTo>
                <a:lnTo>
                  <a:pt x="860298" y="35813"/>
                </a:lnTo>
                <a:lnTo>
                  <a:pt x="872490" y="27432"/>
                </a:lnTo>
                <a:lnTo>
                  <a:pt x="874014" y="24384"/>
                </a:lnTo>
                <a:lnTo>
                  <a:pt x="887730" y="16763"/>
                </a:lnTo>
                <a:lnTo>
                  <a:pt x="900684" y="13716"/>
                </a:lnTo>
                <a:lnTo>
                  <a:pt x="914400" y="6096"/>
                </a:lnTo>
                <a:lnTo>
                  <a:pt x="928116" y="1524"/>
                </a:lnTo>
                <a:lnTo>
                  <a:pt x="941070" y="5334"/>
                </a:lnTo>
                <a:lnTo>
                  <a:pt x="954786" y="3810"/>
                </a:lnTo>
                <a:lnTo>
                  <a:pt x="963930" y="0"/>
                </a:lnTo>
                <a:close/>
              </a:path>
              <a:path w="3111500" h="62864">
                <a:moveTo>
                  <a:pt x="2940558" y="0"/>
                </a:moveTo>
                <a:lnTo>
                  <a:pt x="2861310" y="0"/>
                </a:lnTo>
                <a:lnTo>
                  <a:pt x="2881884" y="4572"/>
                </a:lnTo>
                <a:lnTo>
                  <a:pt x="2895600" y="4572"/>
                </a:lnTo>
                <a:lnTo>
                  <a:pt x="2908554" y="12192"/>
                </a:lnTo>
                <a:lnTo>
                  <a:pt x="2922270" y="15240"/>
                </a:lnTo>
                <a:lnTo>
                  <a:pt x="2935986" y="4572"/>
                </a:lnTo>
                <a:lnTo>
                  <a:pt x="2940558" y="0"/>
                </a:lnTo>
                <a:close/>
              </a:path>
              <a:path w="3111500" h="62864">
                <a:moveTo>
                  <a:pt x="3111246" y="0"/>
                </a:moveTo>
                <a:lnTo>
                  <a:pt x="3048762" y="0"/>
                </a:lnTo>
                <a:lnTo>
                  <a:pt x="3057144" y="4572"/>
                </a:lnTo>
                <a:lnTo>
                  <a:pt x="3070860" y="12954"/>
                </a:lnTo>
                <a:lnTo>
                  <a:pt x="3083814" y="14478"/>
                </a:lnTo>
                <a:lnTo>
                  <a:pt x="3097530" y="8382"/>
                </a:lnTo>
                <a:lnTo>
                  <a:pt x="3111246" y="0"/>
                </a:lnTo>
                <a:close/>
              </a:path>
            </a:pathLst>
          </a:custGeom>
          <a:solidFill>
            <a:srgbClr val="FF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/>
          <p:nvPr/>
        </p:nvSpPr>
        <p:spPr>
          <a:xfrm>
            <a:off x="6697980" y="3391796"/>
            <a:ext cx="1844115" cy="41088"/>
          </a:xfrm>
          <a:custGeom>
            <a:avLst/>
            <a:gdLst/>
            <a:ahLst/>
            <a:cxnLst/>
            <a:rect l="l" t="t" r="r" b="b"/>
            <a:pathLst>
              <a:path w="3134994" h="69850">
                <a:moveTo>
                  <a:pt x="155448" y="0"/>
                </a:moveTo>
                <a:lnTo>
                  <a:pt x="125730" y="0"/>
                </a:lnTo>
                <a:lnTo>
                  <a:pt x="115062" y="15240"/>
                </a:lnTo>
                <a:lnTo>
                  <a:pt x="101346" y="15240"/>
                </a:lnTo>
                <a:lnTo>
                  <a:pt x="88392" y="18288"/>
                </a:lnTo>
                <a:lnTo>
                  <a:pt x="74676" y="26670"/>
                </a:lnTo>
                <a:lnTo>
                  <a:pt x="60960" y="25908"/>
                </a:lnTo>
                <a:lnTo>
                  <a:pt x="48006" y="21336"/>
                </a:lnTo>
                <a:lnTo>
                  <a:pt x="34290" y="16764"/>
                </a:lnTo>
                <a:lnTo>
                  <a:pt x="20574" y="9906"/>
                </a:lnTo>
                <a:lnTo>
                  <a:pt x="9144" y="0"/>
                </a:lnTo>
                <a:lnTo>
                  <a:pt x="0" y="0"/>
                </a:lnTo>
                <a:lnTo>
                  <a:pt x="7620" y="12192"/>
                </a:lnTo>
                <a:lnTo>
                  <a:pt x="48006" y="32766"/>
                </a:lnTo>
                <a:lnTo>
                  <a:pt x="74676" y="35814"/>
                </a:lnTo>
                <a:lnTo>
                  <a:pt x="88392" y="31242"/>
                </a:lnTo>
                <a:lnTo>
                  <a:pt x="101346" y="28956"/>
                </a:lnTo>
                <a:lnTo>
                  <a:pt x="114300" y="27432"/>
                </a:lnTo>
                <a:lnTo>
                  <a:pt x="115062" y="27432"/>
                </a:lnTo>
                <a:lnTo>
                  <a:pt x="128778" y="12192"/>
                </a:lnTo>
                <a:lnTo>
                  <a:pt x="141732" y="762"/>
                </a:lnTo>
                <a:lnTo>
                  <a:pt x="155448" y="0"/>
                </a:lnTo>
                <a:close/>
              </a:path>
              <a:path w="3134994" h="69850">
                <a:moveTo>
                  <a:pt x="217932" y="0"/>
                </a:moveTo>
                <a:lnTo>
                  <a:pt x="204216" y="0"/>
                </a:lnTo>
                <a:lnTo>
                  <a:pt x="209550" y="2286"/>
                </a:lnTo>
                <a:lnTo>
                  <a:pt x="217932" y="0"/>
                </a:lnTo>
                <a:close/>
              </a:path>
              <a:path w="3134994" h="69850">
                <a:moveTo>
                  <a:pt x="990600" y="0"/>
                </a:moveTo>
                <a:lnTo>
                  <a:pt x="973074" y="0"/>
                </a:lnTo>
                <a:lnTo>
                  <a:pt x="963930" y="3810"/>
                </a:lnTo>
                <a:lnTo>
                  <a:pt x="950214" y="5334"/>
                </a:lnTo>
                <a:lnTo>
                  <a:pt x="937260" y="1524"/>
                </a:lnTo>
                <a:lnTo>
                  <a:pt x="923544" y="6096"/>
                </a:lnTo>
                <a:lnTo>
                  <a:pt x="909828" y="13716"/>
                </a:lnTo>
                <a:lnTo>
                  <a:pt x="896874" y="16764"/>
                </a:lnTo>
                <a:lnTo>
                  <a:pt x="883158" y="24384"/>
                </a:lnTo>
                <a:lnTo>
                  <a:pt x="881634" y="27432"/>
                </a:lnTo>
                <a:lnTo>
                  <a:pt x="869442" y="35814"/>
                </a:lnTo>
                <a:lnTo>
                  <a:pt x="856488" y="41910"/>
                </a:lnTo>
                <a:lnTo>
                  <a:pt x="842772" y="44196"/>
                </a:lnTo>
                <a:lnTo>
                  <a:pt x="808031" y="44288"/>
                </a:lnTo>
                <a:lnTo>
                  <a:pt x="795334" y="44121"/>
                </a:lnTo>
                <a:lnTo>
                  <a:pt x="768811" y="43589"/>
                </a:lnTo>
                <a:lnTo>
                  <a:pt x="755256" y="43338"/>
                </a:lnTo>
                <a:lnTo>
                  <a:pt x="715039" y="43339"/>
                </a:lnTo>
                <a:lnTo>
                  <a:pt x="667512" y="47244"/>
                </a:lnTo>
                <a:lnTo>
                  <a:pt x="653796" y="48768"/>
                </a:lnTo>
                <a:lnTo>
                  <a:pt x="640842" y="49530"/>
                </a:lnTo>
                <a:lnTo>
                  <a:pt x="627126" y="51054"/>
                </a:lnTo>
                <a:lnTo>
                  <a:pt x="605253" y="53621"/>
                </a:lnTo>
                <a:lnTo>
                  <a:pt x="592528" y="54607"/>
                </a:lnTo>
                <a:lnTo>
                  <a:pt x="579750" y="54977"/>
                </a:lnTo>
                <a:lnTo>
                  <a:pt x="566959" y="54905"/>
                </a:lnTo>
                <a:lnTo>
                  <a:pt x="554196" y="54563"/>
                </a:lnTo>
                <a:lnTo>
                  <a:pt x="541502" y="54124"/>
                </a:lnTo>
                <a:lnTo>
                  <a:pt x="528920" y="53762"/>
                </a:lnTo>
                <a:lnTo>
                  <a:pt x="479298" y="57150"/>
                </a:lnTo>
                <a:lnTo>
                  <a:pt x="462890" y="60600"/>
                </a:lnTo>
                <a:lnTo>
                  <a:pt x="448440" y="62142"/>
                </a:lnTo>
                <a:lnTo>
                  <a:pt x="399081" y="58552"/>
                </a:lnTo>
                <a:lnTo>
                  <a:pt x="354435" y="46168"/>
                </a:lnTo>
                <a:lnTo>
                  <a:pt x="342633" y="42762"/>
                </a:lnTo>
                <a:lnTo>
                  <a:pt x="330216" y="39518"/>
                </a:lnTo>
                <a:lnTo>
                  <a:pt x="316992" y="36576"/>
                </a:lnTo>
                <a:lnTo>
                  <a:pt x="307086" y="27432"/>
                </a:lnTo>
                <a:lnTo>
                  <a:pt x="304038" y="23622"/>
                </a:lnTo>
                <a:lnTo>
                  <a:pt x="297180" y="0"/>
                </a:lnTo>
                <a:lnTo>
                  <a:pt x="294894" y="0"/>
                </a:lnTo>
                <a:lnTo>
                  <a:pt x="301751" y="27432"/>
                </a:lnTo>
                <a:lnTo>
                  <a:pt x="304038" y="31242"/>
                </a:lnTo>
                <a:lnTo>
                  <a:pt x="316992" y="42672"/>
                </a:lnTo>
                <a:lnTo>
                  <a:pt x="330221" y="46012"/>
                </a:lnTo>
                <a:lnTo>
                  <a:pt x="342636" y="49651"/>
                </a:lnTo>
                <a:lnTo>
                  <a:pt x="354464" y="53417"/>
                </a:lnTo>
                <a:lnTo>
                  <a:pt x="365950" y="57143"/>
                </a:lnTo>
                <a:lnTo>
                  <a:pt x="377328" y="60662"/>
                </a:lnTo>
                <a:lnTo>
                  <a:pt x="388836" y="63804"/>
                </a:lnTo>
                <a:lnTo>
                  <a:pt x="400711" y="66402"/>
                </a:lnTo>
                <a:lnTo>
                  <a:pt x="413188" y="68287"/>
                </a:lnTo>
                <a:lnTo>
                  <a:pt x="426506" y="69292"/>
                </a:lnTo>
                <a:lnTo>
                  <a:pt x="451866" y="68580"/>
                </a:lnTo>
                <a:lnTo>
                  <a:pt x="465582" y="66294"/>
                </a:lnTo>
                <a:lnTo>
                  <a:pt x="478428" y="63024"/>
                </a:lnTo>
                <a:lnTo>
                  <a:pt x="490913" y="60881"/>
                </a:lnTo>
                <a:lnTo>
                  <a:pt x="503114" y="59671"/>
                </a:lnTo>
                <a:lnTo>
                  <a:pt x="515105" y="59199"/>
                </a:lnTo>
                <a:lnTo>
                  <a:pt x="526962" y="59273"/>
                </a:lnTo>
                <a:lnTo>
                  <a:pt x="538760" y="59699"/>
                </a:lnTo>
                <a:lnTo>
                  <a:pt x="550575" y="60283"/>
                </a:lnTo>
                <a:lnTo>
                  <a:pt x="562483" y="60832"/>
                </a:lnTo>
                <a:lnTo>
                  <a:pt x="574558" y="61153"/>
                </a:lnTo>
                <a:lnTo>
                  <a:pt x="586877" y="61051"/>
                </a:lnTo>
                <a:lnTo>
                  <a:pt x="599515" y="60333"/>
                </a:lnTo>
                <a:lnTo>
                  <a:pt x="612547" y="58805"/>
                </a:lnTo>
                <a:lnTo>
                  <a:pt x="627126" y="57150"/>
                </a:lnTo>
                <a:lnTo>
                  <a:pt x="640842" y="55626"/>
                </a:lnTo>
                <a:lnTo>
                  <a:pt x="653796" y="54864"/>
                </a:lnTo>
                <a:lnTo>
                  <a:pt x="657606" y="54102"/>
                </a:lnTo>
                <a:lnTo>
                  <a:pt x="708182" y="50001"/>
                </a:lnTo>
                <a:lnTo>
                  <a:pt x="842772" y="49530"/>
                </a:lnTo>
                <a:lnTo>
                  <a:pt x="856488" y="48006"/>
                </a:lnTo>
                <a:lnTo>
                  <a:pt x="869442" y="42672"/>
                </a:lnTo>
                <a:lnTo>
                  <a:pt x="883158" y="35052"/>
                </a:lnTo>
                <a:lnTo>
                  <a:pt x="896874" y="30480"/>
                </a:lnTo>
                <a:lnTo>
                  <a:pt x="909828" y="28194"/>
                </a:lnTo>
                <a:lnTo>
                  <a:pt x="914400" y="27432"/>
                </a:lnTo>
                <a:lnTo>
                  <a:pt x="923544" y="23622"/>
                </a:lnTo>
                <a:lnTo>
                  <a:pt x="937260" y="19812"/>
                </a:lnTo>
                <a:lnTo>
                  <a:pt x="950214" y="20574"/>
                </a:lnTo>
                <a:lnTo>
                  <a:pt x="963930" y="19050"/>
                </a:lnTo>
                <a:lnTo>
                  <a:pt x="977646" y="12954"/>
                </a:lnTo>
                <a:lnTo>
                  <a:pt x="990600" y="0"/>
                </a:lnTo>
                <a:close/>
              </a:path>
              <a:path w="3134994" h="69850">
                <a:moveTo>
                  <a:pt x="2779014" y="0"/>
                </a:moveTo>
                <a:lnTo>
                  <a:pt x="2756154" y="0"/>
                </a:lnTo>
                <a:lnTo>
                  <a:pt x="2756154" y="761"/>
                </a:lnTo>
                <a:lnTo>
                  <a:pt x="2769870" y="4571"/>
                </a:lnTo>
                <a:lnTo>
                  <a:pt x="2779014" y="0"/>
                </a:lnTo>
                <a:close/>
              </a:path>
              <a:path w="3134994" h="69850">
                <a:moveTo>
                  <a:pt x="3134868" y="0"/>
                </a:moveTo>
                <a:lnTo>
                  <a:pt x="3120390" y="0"/>
                </a:lnTo>
                <a:lnTo>
                  <a:pt x="3106674" y="8381"/>
                </a:lnTo>
                <a:lnTo>
                  <a:pt x="3092958" y="14477"/>
                </a:lnTo>
                <a:lnTo>
                  <a:pt x="3080004" y="12953"/>
                </a:lnTo>
                <a:lnTo>
                  <a:pt x="3066288" y="4571"/>
                </a:lnTo>
                <a:lnTo>
                  <a:pt x="3057906" y="0"/>
                </a:lnTo>
                <a:lnTo>
                  <a:pt x="2949702" y="0"/>
                </a:lnTo>
                <a:lnTo>
                  <a:pt x="2945130" y="4571"/>
                </a:lnTo>
                <a:lnTo>
                  <a:pt x="2931414" y="15239"/>
                </a:lnTo>
                <a:lnTo>
                  <a:pt x="2917698" y="12191"/>
                </a:lnTo>
                <a:lnTo>
                  <a:pt x="2904744" y="4571"/>
                </a:lnTo>
                <a:lnTo>
                  <a:pt x="2891028" y="4571"/>
                </a:lnTo>
                <a:lnTo>
                  <a:pt x="2870454" y="0"/>
                </a:lnTo>
                <a:lnTo>
                  <a:pt x="2837688" y="0"/>
                </a:lnTo>
                <a:lnTo>
                  <a:pt x="2850642" y="9143"/>
                </a:lnTo>
                <a:lnTo>
                  <a:pt x="2864358" y="11429"/>
                </a:lnTo>
                <a:lnTo>
                  <a:pt x="2877312" y="12191"/>
                </a:lnTo>
                <a:lnTo>
                  <a:pt x="2891028" y="15239"/>
                </a:lnTo>
                <a:lnTo>
                  <a:pt x="2904744" y="16001"/>
                </a:lnTo>
                <a:lnTo>
                  <a:pt x="2917698" y="22097"/>
                </a:lnTo>
                <a:lnTo>
                  <a:pt x="2931414" y="24383"/>
                </a:lnTo>
                <a:lnTo>
                  <a:pt x="2945130" y="16001"/>
                </a:lnTo>
                <a:lnTo>
                  <a:pt x="2958084" y="4571"/>
                </a:lnTo>
                <a:lnTo>
                  <a:pt x="2971800" y="3047"/>
                </a:lnTo>
                <a:lnTo>
                  <a:pt x="2985516" y="6095"/>
                </a:lnTo>
                <a:lnTo>
                  <a:pt x="2998470" y="8381"/>
                </a:lnTo>
                <a:lnTo>
                  <a:pt x="3012186" y="10667"/>
                </a:lnTo>
                <a:lnTo>
                  <a:pt x="3025902" y="11429"/>
                </a:lnTo>
                <a:lnTo>
                  <a:pt x="3038856" y="9905"/>
                </a:lnTo>
                <a:lnTo>
                  <a:pt x="3052572" y="9143"/>
                </a:lnTo>
                <a:lnTo>
                  <a:pt x="3066646" y="16042"/>
                </a:lnTo>
                <a:lnTo>
                  <a:pt x="3077647" y="20700"/>
                </a:lnTo>
                <a:lnTo>
                  <a:pt x="3086736" y="22985"/>
                </a:lnTo>
                <a:lnTo>
                  <a:pt x="3095077" y="22761"/>
                </a:lnTo>
                <a:lnTo>
                  <a:pt x="3103829" y="19896"/>
                </a:lnTo>
                <a:lnTo>
                  <a:pt x="3114156" y="14255"/>
                </a:lnTo>
                <a:lnTo>
                  <a:pt x="3127218" y="5703"/>
                </a:lnTo>
                <a:lnTo>
                  <a:pt x="3134868" y="0"/>
                </a:lnTo>
                <a:close/>
              </a:path>
            </a:pathLst>
          </a:custGeom>
          <a:solidFill>
            <a:srgbClr val="FF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5"/>
          <p:cNvSpPr/>
          <p:nvPr/>
        </p:nvSpPr>
        <p:spPr>
          <a:xfrm>
            <a:off x="857026" y="3391796"/>
            <a:ext cx="7690224" cy="44450"/>
          </a:xfrm>
          <a:custGeom>
            <a:avLst/>
            <a:gdLst/>
            <a:ahLst/>
            <a:cxnLst/>
            <a:rect l="l" t="t" r="r" b="b"/>
            <a:pathLst>
              <a:path w="13073380" h="75564">
                <a:moveTo>
                  <a:pt x="38100" y="0"/>
                </a:moveTo>
                <a:lnTo>
                  <a:pt x="0" y="0"/>
                </a:lnTo>
                <a:lnTo>
                  <a:pt x="5333" y="10668"/>
                </a:lnTo>
                <a:lnTo>
                  <a:pt x="19050" y="10668"/>
                </a:lnTo>
                <a:lnTo>
                  <a:pt x="32765" y="6858"/>
                </a:lnTo>
                <a:lnTo>
                  <a:pt x="38100" y="0"/>
                </a:lnTo>
                <a:close/>
              </a:path>
              <a:path w="13073380" h="75564">
                <a:moveTo>
                  <a:pt x="9845040" y="0"/>
                </a:moveTo>
                <a:lnTo>
                  <a:pt x="9793986" y="0"/>
                </a:lnTo>
                <a:lnTo>
                  <a:pt x="9802367" y="9144"/>
                </a:lnTo>
                <a:lnTo>
                  <a:pt x="9815321" y="9906"/>
                </a:lnTo>
                <a:lnTo>
                  <a:pt x="9829038" y="9144"/>
                </a:lnTo>
                <a:lnTo>
                  <a:pt x="9842754" y="3048"/>
                </a:lnTo>
                <a:lnTo>
                  <a:pt x="9845040" y="0"/>
                </a:lnTo>
                <a:close/>
              </a:path>
              <a:path w="13073380" h="75564">
                <a:moveTo>
                  <a:pt x="10156698" y="0"/>
                </a:moveTo>
                <a:lnTo>
                  <a:pt x="10147554" y="0"/>
                </a:lnTo>
                <a:lnTo>
                  <a:pt x="10139171" y="2286"/>
                </a:lnTo>
                <a:lnTo>
                  <a:pt x="10133838" y="0"/>
                </a:lnTo>
                <a:lnTo>
                  <a:pt x="10085069" y="0"/>
                </a:lnTo>
                <a:lnTo>
                  <a:pt x="10071354" y="762"/>
                </a:lnTo>
                <a:lnTo>
                  <a:pt x="10058400" y="12192"/>
                </a:lnTo>
                <a:lnTo>
                  <a:pt x="10044684" y="27432"/>
                </a:lnTo>
                <a:lnTo>
                  <a:pt x="10043921" y="27432"/>
                </a:lnTo>
                <a:lnTo>
                  <a:pt x="10030967" y="28956"/>
                </a:lnTo>
                <a:lnTo>
                  <a:pt x="10018014" y="31242"/>
                </a:lnTo>
                <a:lnTo>
                  <a:pt x="10004298" y="35814"/>
                </a:lnTo>
                <a:lnTo>
                  <a:pt x="9990581" y="35052"/>
                </a:lnTo>
                <a:lnTo>
                  <a:pt x="9950196" y="23622"/>
                </a:lnTo>
                <a:lnTo>
                  <a:pt x="9929621" y="0"/>
                </a:lnTo>
                <a:lnTo>
                  <a:pt x="9922763" y="0"/>
                </a:lnTo>
                <a:lnTo>
                  <a:pt x="9950196" y="32766"/>
                </a:lnTo>
                <a:lnTo>
                  <a:pt x="9990581" y="42672"/>
                </a:lnTo>
                <a:lnTo>
                  <a:pt x="10004298" y="42672"/>
                </a:lnTo>
                <a:lnTo>
                  <a:pt x="10018014" y="38862"/>
                </a:lnTo>
                <a:lnTo>
                  <a:pt x="10030967" y="35814"/>
                </a:lnTo>
                <a:lnTo>
                  <a:pt x="10044684" y="34290"/>
                </a:lnTo>
                <a:lnTo>
                  <a:pt x="10057638" y="27432"/>
                </a:lnTo>
                <a:lnTo>
                  <a:pt x="10058400" y="26670"/>
                </a:lnTo>
                <a:lnTo>
                  <a:pt x="10071354" y="17526"/>
                </a:lnTo>
                <a:lnTo>
                  <a:pt x="10085069" y="15240"/>
                </a:lnTo>
                <a:lnTo>
                  <a:pt x="10098786" y="10668"/>
                </a:lnTo>
                <a:lnTo>
                  <a:pt x="10111740" y="12192"/>
                </a:lnTo>
                <a:lnTo>
                  <a:pt x="10125456" y="9144"/>
                </a:lnTo>
                <a:lnTo>
                  <a:pt x="10139171" y="12954"/>
                </a:lnTo>
                <a:lnTo>
                  <a:pt x="10152888" y="8382"/>
                </a:lnTo>
                <a:lnTo>
                  <a:pt x="10156698" y="0"/>
                </a:lnTo>
                <a:close/>
              </a:path>
              <a:path w="13073380" h="75564">
                <a:moveTo>
                  <a:pt x="10956036" y="0"/>
                </a:moveTo>
                <a:lnTo>
                  <a:pt x="10920221" y="0"/>
                </a:lnTo>
                <a:lnTo>
                  <a:pt x="10907267" y="12954"/>
                </a:lnTo>
                <a:lnTo>
                  <a:pt x="10893552" y="19050"/>
                </a:lnTo>
                <a:lnTo>
                  <a:pt x="10879836" y="20574"/>
                </a:lnTo>
                <a:lnTo>
                  <a:pt x="10866881" y="19812"/>
                </a:lnTo>
                <a:lnTo>
                  <a:pt x="10853166" y="23622"/>
                </a:lnTo>
                <a:lnTo>
                  <a:pt x="10844021" y="27432"/>
                </a:lnTo>
                <a:lnTo>
                  <a:pt x="10839450" y="28194"/>
                </a:lnTo>
                <a:lnTo>
                  <a:pt x="10826496" y="30480"/>
                </a:lnTo>
                <a:lnTo>
                  <a:pt x="10812779" y="35052"/>
                </a:lnTo>
                <a:lnTo>
                  <a:pt x="10799064" y="42672"/>
                </a:lnTo>
                <a:lnTo>
                  <a:pt x="10786110" y="48006"/>
                </a:lnTo>
                <a:lnTo>
                  <a:pt x="10772394" y="49530"/>
                </a:lnTo>
                <a:lnTo>
                  <a:pt x="10661250" y="49658"/>
                </a:lnTo>
                <a:lnTo>
                  <a:pt x="10648602" y="49755"/>
                </a:lnTo>
                <a:lnTo>
                  <a:pt x="10599860" y="52509"/>
                </a:lnTo>
                <a:lnTo>
                  <a:pt x="10583417" y="54864"/>
                </a:lnTo>
                <a:lnTo>
                  <a:pt x="10570464" y="55626"/>
                </a:lnTo>
                <a:lnTo>
                  <a:pt x="10556748" y="57150"/>
                </a:lnTo>
                <a:lnTo>
                  <a:pt x="10542066" y="58817"/>
                </a:lnTo>
                <a:lnTo>
                  <a:pt x="10529122" y="60333"/>
                </a:lnTo>
                <a:lnTo>
                  <a:pt x="10516499" y="61051"/>
                </a:lnTo>
                <a:lnTo>
                  <a:pt x="10503668" y="61139"/>
                </a:lnTo>
                <a:lnTo>
                  <a:pt x="10492105" y="60832"/>
                </a:lnTo>
                <a:lnTo>
                  <a:pt x="10478850" y="60217"/>
                </a:lnTo>
                <a:lnTo>
                  <a:pt x="10468382" y="59699"/>
                </a:lnTo>
                <a:lnTo>
                  <a:pt x="10456584" y="59273"/>
                </a:lnTo>
                <a:lnTo>
                  <a:pt x="10408050" y="63024"/>
                </a:lnTo>
                <a:lnTo>
                  <a:pt x="10395204" y="66294"/>
                </a:lnTo>
                <a:lnTo>
                  <a:pt x="10381488" y="68580"/>
                </a:lnTo>
                <a:lnTo>
                  <a:pt x="10342810" y="68287"/>
                </a:lnTo>
                <a:lnTo>
                  <a:pt x="10295572" y="57143"/>
                </a:lnTo>
                <a:lnTo>
                  <a:pt x="10284086" y="53417"/>
                </a:lnTo>
                <a:lnTo>
                  <a:pt x="10272255" y="49650"/>
                </a:lnTo>
                <a:lnTo>
                  <a:pt x="10259843" y="46012"/>
                </a:lnTo>
                <a:lnTo>
                  <a:pt x="10246614" y="42672"/>
                </a:lnTo>
                <a:lnTo>
                  <a:pt x="10233660" y="31242"/>
                </a:lnTo>
                <a:lnTo>
                  <a:pt x="10231373" y="27432"/>
                </a:lnTo>
                <a:lnTo>
                  <a:pt x="10224516" y="0"/>
                </a:lnTo>
                <a:lnTo>
                  <a:pt x="10222229" y="0"/>
                </a:lnTo>
                <a:lnTo>
                  <a:pt x="10229088" y="27432"/>
                </a:lnTo>
                <a:lnTo>
                  <a:pt x="10233660" y="37338"/>
                </a:lnTo>
                <a:lnTo>
                  <a:pt x="10246614" y="47244"/>
                </a:lnTo>
                <a:lnTo>
                  <a:pt x="10259277" y="51006"/>
                </a:lnTo>
                <a:lnTo>
                  <a:pt x="10271455" y="54916"/>
                </a:lnTo>
                <a:lnTo>
                  <a:pt x="10317924" y="69275"/>
                </a:lnTo>
                <a:lnTo>
                  <a:pt x="10367120" y="74958"/>
                </a:lnTo>
                <a:lnTo>
                  <a:pt x="10380830" y="73988"/>
                </a:lnTo>
                <a:lnTo>
                  <a:pt x="10395204" y="71628"/>
                </a:lnTo>
                <a:lnTo>
                  <a:pt x="10408919" y="68580"/>
                </a:lnTo>
                <a:lnTo>
                  <a:pt x="10420052" y="66156"/>
                </a:lnTo>
                <a:lnTo>
                  <a:pt x="10431405" y="64628"/>
                </a:lnTo>
                <a:lnTo>
                  <a:pt x="10442970" y="63837"/>
                </a:lnTo>
                <a:lnTo>
                  <a:pt x="10454739" y="63622"/>
                </a:lnTo>
                <a:lnTo>
                  <a:pt x="10466702" y="63826"/>
                </a:lnTo>
                <a:lnTo>
                  <a:pt x="10480197" y="64350"/>
                </a:lnTo>
                <a:lnTo>
                  <a:pt x="10492105" y="64888"/>
                </a:lnTo>
                <a:lnTo>
                  <a:pt x="10504180" y="65364"/>
                </a:lnTo>
                <a:lnTo>
                  <a:pt x="10516320" y="65636"/>
                </a:lnTo>
                <a:lnTo>
                  <a:pt x="10529137" y="65541"/>
                </a:lnTo>
                <a:lnTo>
                  <a:pt x="10542169" y="64900"/>
                </a:lnTo>
                <a:lnTo>
                  <a:pt x="10555142" y="63582"/>
                </a:lnTo>
                <a:lnTo>
                  <a:pt x="10568342" y="61399"/>
                </a:lnTo>
                <a:lnTo>
                  <a:pt x="10583417" y="59436"/>
                </a:lnTo>
                <a:lnTo>
                  <a:pt x="10597134" y="58674"/>
                </a:lnTo>
                <a:lnTo>
                  <a:pt x="10610850" y="56388"/>
                </a:lnTo>
                <a:lnTo>
                  <a:pt x="10625148" y="55556"/>
                </a:lnTo>
                <a:lnTo>
                  <a:pt x="10636107" y="54992"/>
                </a:lnTo>
                <a:lnTo>
                  <a:pt x="10648602" y="54543"/>
                </a:lnTo>
                <a:lnTo>
                  <a:pt x="10661250" y="54251"/>
                </a:lnTo>
                <a:lnTo>
                  <a:pt x="10674016" y="54088"/>
                </a:lnTo>
                <a:lnTo>
                  <a:pt x="10763599" y="54192"/>
                </a:lnTo>
                <a:lnTo>
                  <a:pt x="10786110" y="52578"/>
                </a:lnTo>
                <a:lnTo>
                  <a:pt x="10799064" y="48768"/>
                </a:lnTo>
                <a:lnTo>
                  <a:pt x="10812779" y="41910"/>
                </a:lnTo>
                <a:lnTo>
                  <a:pt x="10826496" y="37338"/>
                </a:lnTo>
                <a:lnTo>
                  <a:pt x="10839450" y="35814"/>
                </a:lnTo>
                <a:lnTo>
                  <a:pt x="10853166" y="33528"/>
                </a:lnTo>
                <a:lnTo>
                  <a:pt x="10866881" y="32004"/>
                </a:lnTo>
                <a:lnTo>
                  <a:pt x="10907267" y="25146"/>
                </a:lnTo>
                <a:lnTo>
                  <a:pt x="10920984" y="15240"/>
                </a:lnTo>
                <a:lnTo>
                  <a:pt x="10933938" y="8382"/>
                </a:lnTo>
                <a:lnTo>
                  <a:pt x="10947654" y="3048"/>
                </a:lnTo>
                <a:lnTo>
                  <a:pt x="10956036" y="0"/>
                </a:lnTo>
                <a:close/>
              </a:path>
              <a:path w="13073380" h="75564">
                <a:moveTo>
                  <a:pt x="12661392" y="0"/>
                </a:moveTo>
                <a:lnTo>
                  <a:pt x="12658344" y="0"/>
                </a:lnTo>
                <a:lnTo>
                  <a:pt x="12659106" y="761"/>
                </a:lnTo>
                <a:lnTo>
                  <a:pt x="12661392" y="0"/>
                </a:lnTo>
                <a:close/>
              </a:path>
              <a:path w="13073380" h="75564">
                <a:moveTo>
                  <a:pt x="13072871" y="0"/>
                </a:moveTo>
                <a:lnTo>
                  <a:pt x="13064490" y="0"/>
                </a:lnTo>
                <a:lnTo>
                  <a:pt x="13056840" y="5703"/>
                </a:lnTo>
                <a:lnTo>
                  <a:pt x="13043778" y="14255"/>
                </a:lnTo>
                <a:lnTo>
                  <a:pt x="13033451" y="19896"/>
                </a:lnTo>
                <a:lnTo>
                  <a:pt x="13024699" y="22761"/>
                </a:lnTo>
                <a:lnTo>
                  <a:pt x="13016358" y="22985"/>
                </a:lnTo>
                <a:lnTo>
                  <a:pt x="13007269" y="20700"/>
                </a:lnTo>
                <a:lnTo>
                  <a:pt x="12996268" y="16042"/>
                </a:lnTo>
                <a:lnTo>
                  <a:pt x="12982194" y="9143"/>
                </a:lnTo>
                <a:lnTo>
                  <a:pt x="12968477" y="9905"/>
                </a:lnTo>
                <a:lnTo>
                  <a:pt x="12955523" y="11429"/>
                </a:lnTo>
                <a:lnTo>
                  <a:pt x="12941808" y="10667"/>
                </a:lnTo>
                <a:lnTo>
                  <a:pt x="12928092" y="8381"/>
                </a:lnTo>
                <a:lnTo>
                  <a:pt x="12915138" y="6095"/>
                </a:lnTo>
                <a:lnTo>
                  <a:pt x="12901421" y="3047"/>
                </a:lnTo>
                <a:lnTo>
                  <a:pt x="12887706" y="4571"/>
                </a:lnTo>
                <a:lnTo>
                  <a:pt x="12874752" y="16001"/>
                </a:lnTo>
                <a:lnTo>
                  <a:pt x="12861036" y="24383"/>
                </a:lnTo>
                <a:lnTo>
                  <a:pt x="12847319" y="22097"/>
                </a:lnTo>
                <a:lnTo>
                  <a:pt x="12834366" y="16001"/>
                </a:lnTo>
                <a:lnTo>
                  <a:pt x="12820650" y="15239"/>
                </a:lnTo>
                <a:lnTo>
                  <a:pt x="12806934" y="12191"/>
                </a:lnTo>
                <a:lnTo>
                  <a:pt x="12793979" y="11429"/>
                </a:lnTo>
                <a:lnTo>
                  <a:pt x="12780264" y="9143"/>
                </a:lnTo>
                <a:lnTo>
                  <a:pt x="12767310" y="0"/>
                </a:lnTo>
                <a:lnTo>
                  <a:pt x="12708636" y="0"/>
                </a:lnTo>
                <a:lnTo>
                  <a:pt x="12699492" y="4571"/>
                </a:lnTo>
                <a:lnTo>
                  <a:pt x="12685775" y="761"/>
                </a:lnTo>
                <a:lnTo>
                  <a:pt x="12685775" y="0"/>
                </a:lnTo>
                <a:lnTo>
                  <a:pt x="12675869" y="0"/>
                </a:lnTo>
                <a:lnTo>
                  <a:pt x="12685775" y="9905"/>
                </a:lnTo>
                <a:lnTo>
                  <a:pt x="12699492" y="12953"/>
                </a:lnTo>
                <a:lnTo>
                  <a:pt x="12712446" y="8381"/>
                </a:lnTo>
                <a:lnTo>
                  <a:pt x="12726162" y="1523"/>
                </a:lnTo>
                <a:lnTo>
                  <a:pt x="12739877" y="761"/>
                </a:lnTo>
                <a:lnTo>
                  <a:pt x="12753594" y="8381"/>
                </a:lnTo>
                <a:lnTo>
                  <a:pt x="12766548" y="11429"/>
                </a:lnTo>
                <a:lnTo>
                  <a:pt x="12780264" y="19049"/>
                </a:lnTo>
                <a:lnTo>
                  <a:pt x="12793979" y="20573"/>
                </a:lnTo>
                <a:lnTo>
                  <a:pt x="12806934" y="21335"/>
                </a:lnTo>
                <a:lnTo>
                  <a:pt x="12821460" y="23104"/>
                </a:lnTo>
                <a:lnTo>
                  <a:pt x="12834366" y="26114"/>
                </a:lnTo>
                <a:lnTo>
                  <a:pt x="12845370" y="28838"/>
                </a:lnTo>
                <a:lnTo>
                  <a:pt x="12856965" y="30430"/>
                </a:lnTo>
                <a:lnTo>
                  <a:pt x="12870179" y="27431"/>
                </a:lnTo>
                <a:lnTo>
                  <a:pt x="12874752" y="25145"/>
                </a:lnTo>
                <a:lnTo>
                  <a:pt x="12887706" y="15239"/>
                </a:lnTo>
                <a:lnTo>
                  <a:pt x="12901421" y="13715"/>
                </a:lnTo>
                <a:lnTo>
                  <a:pt x="12913256" y="15688"/>
                </a:lnTo>
                <a:lnTo>
                  <a:pt x="12925905" y="17853"/>
                </a:lnTo>
                <a:lnTo>
                  <a:pt x="12938886" y="19646"/>
                </a:lnTo>
                <a:lnTo>
                  <a:pt x="12951718" y="20500"/>
                </a:lnTo>
                <a:lnTo>
                  <a:pt x="12963919" y="19849"/>
                </a:lnTo>
                <a:lnTo>
                  <a:pt x="12982194" y="19049"/>
                </a:lnTo>
                <a:lnTo>
                  <a:pt x="12995910" y="23621"/>
                </a:lnTo>
                <a:lnTo>
                  <a:pt x="13003529" y="27431"/>
                </a:lnTo>
                <a:lnTo>
                  <a:pt x="13009625" y="28955"/>
                </a:lnTo>
                <a:lnTo>
                  <a:pt x="13022579" y="28955"/>
                </a:lnTo>
                <a:lnTo>
                  <a:pt x="13031723" y="27431"/>
                </a:lnTo>
                <a:lnTo>
                  <a:pt x="13036296" y="25907"/>
                </a:lnTo>
                <a:lnTo>
                  <a:pt x="13050012" y="19049"/>
                </a:lnTo>
                <a:lnTo>
                  <a:pt x="13062966" y="10667"/>
                </a:lnTo>
                <a:lnTo>
                  <a:pt x="13072871" y="0"/>
                </a:lnTo>
                <a:close/>
              </a:path>
            </a:pathLst>
          </a:custGeom>
          <a:solidFill>
            <a:srgbClr val="FF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704476" y="3391796"/>
            <a:ext cx="7844118" cy="46318"/>
          </a:xfrm>
          <a:custGeom>
            <a:avLst/>
            <a:gdLst/>
            <a:ahLst/>
            <a:cxnLst/>
            <a:rect l="l" t="t" r="r" b="b"/>
            <a:pathLst>
              <a:path w="13335000" h="78739">
                <a:moveTo>
                  <a:pt x="381000" y="31195"/>
                </a:moveTo>
                <a:lnTo>
                  <a:pt x="381000" y="0"/>
                </a:lnTo>
                <a:lnTo>
                  <a:pt x="0" y="0"/>
                </a:lnTo>
                <a:lnTo>
                  <a:pt x="0" y="3048"/>
                </a:lnTo>
                <a:lnTo>
                  <a:pt x="127000" y="12192"/>
                </a:lnTo>
                <a:lnTo>
                  <a:pt x="127000" y="18288"/>
                </a:lnTo>
                <a:lnTo>
                  <a:pt x="254000" y="27432"/>
                </a:lnTo>
                <a:lnTo>
                  <a:pt x="254000" y="35154"/>
                </a:lnTo>
                <a:lnTo>
                  <a:pt x="381000" y="31195"/>
                </a:lnTo>
                <a:close/>
              </a:path>
              <a:path w="13335000" h="78739">
                <a:moveTo>
                  <a:pt x="10033000" y="6858"/>
                </a:moveTo>
                <a:lnTo>
                  <a:pt x="10033000" y="0"/>
                </a:lnTo>
                <a:lnTo>
                  <a:pt x="9906000" y="0"/>
                </a:lnTo>
                <a:lnTo>
                  <a:pt x="10033000" y="6858"/>
                </a:lnTo>
                <a:close/>
              </a:path>
              <a:path w="13335000" h="78739">
                <a:moveTo>
                  <a:pt x="10287000" y="44958"/>
                </a:moveTo>
                <a:lnTo>
                  <a:pt x="10287000" y="35814"/>
                </a:lnTo>
                <a:lnTo>
                  <a:pt x="10160000" y="38862"/>
                </a:lnTo>
                <a:lnTo>
                  <a:pt x="10160000" y="48768"/>
                </a:lnTo>
                <a:lnTo>
                  <a:pt x="10287000" y="44958"/>
                </a:lnTo>
                <a:close/>
              </a:path>
              <a:path w="13335000" h="78739">
                <a:moveTo>
                  <a:pt x="10414000" y="0"/>
                </a:moveTo>
                <a:lnTo>
                  <a:pt x="10287000" y="8382"/>
                </a:lnTo>
                <a:lnTo>
                  <a:pt x="10287000" y="20574"/>
                </a:lnTo>
                <a:lnTo>
                  <a:pt x="10414000" y="0"/>
                </a:lnTo>
                <a:close/>
              </a:path>
              <a:path w="13335000" h="78739">
                <a:moveTo>
                  <a:pt x="10541000" y="67056"/>
                </a:moveTo>
                <a:lnTo>
                  <a:pt x="10541000" y="58836"/>
                </a:lnTo>
                <a:lnTo>
                  <a:pt x="10414000" y="54916"/>
                </a:lnTo>
                <a:lnTo>
                  <a:pt x="10414000" y="63246"/>
                </a:lnTo>
                <a:lnTo>
                  <a:pt x="10541000" y="67056"/>
                </a:lnTo>
                <a:close/>
              </a:path>
              <a:path w="13335000" h="78739">
                <a:moveTo>
                  <a:pt x="10668000" y="74676"/>
                </a:moveTo>
                <a:lnTo>
                  <a:pt x="10668000" y="68580"/>
                </a:lnTo>
                <a:lnTo>
                  <a:pt x="10541000" y="71628"/>
                </a:lnTo>
                <a:lnTo>
                  <a:pt x="10541000" y="78486"/>
                </a:lnTo>
                <a:lnTo>
                  <a:pt x="10668000" y="74676"/>
                </a:lnTo>
                <a:close/>
              </a:path>
              <a:path w="13335000" h="78739">
                <a:moveTo>
                  <a:pt x="10795000" y="70893"/>
                </a:moveTo>
                <a:lnTo>
                  <a:pt x="10795000" y="64910"/>
                </a:lnTo>
                <a:lnTo>
                  <a:pt x="10668000" y="65542"/>
                </a:lnTo>
                <a:lnTo>
                  <a:pt x="10668000" y="72111"/>
                </a:lnTo>
                <a:lnTo>
                  <a:pt x="10795000" y="70893"/>
                </a:lnTo>
                <a:close/>
              </a:path>
              <a:path w="13335000" h="78739">
                <a:moveTo>
                  <a:pt x="10922000" y="60073"/>
                </a:moveTo>
                <a:lnTo>
                  <a:pt x="10922000" y="54088"/>
                </a:lnTo>
                <a:lnTo>
                  <a:pt x="10795000" y="54251"/>
                </a:lnTo>
                <a:lnTo>
                  <a:pt x="10795000" y="60323"/>
                </a:lnTo>
                <a:lnTo>
                  <a:pt x="10922000" y="60073"/>
                </a:lnTo>
                <a:close/>
              </a:path>
              <a:path w="13335000" h="78739">
                <a:moveTo>
                  <a:pt x="11049000" y="55626"/>
                </a:moveTo>
                <a:lnTo>
                  <a:pt x="11049000" y="48768"/>
                </a:lnTo>
                <a:lnTo>
                  <a:pt x="10922000" y="52578"/>
                </a:lnTo>
                <a:lnTo>
                  <a:pt x="10922000" y="58674"/>
                </a:lnTo>
                <a:lnTo>
                  <a:pt x="11049000" y="55626"/>
                </a:lnTo>
                <a:close/>
              </a:path>
              <a:path w="13335000" h="78739">
                <a:moveTo>
                  <a:pt x="11176000" y="31242"/>
                </a:moveTo>
                <a:lnTo>
                  <a:pt x="11176000" y="15240"/>
                </a:lnTo>
                <a:lnTo>
                  <a:pt x="11049000" y="25146"/>
                </a:lnTo>
                <a:lnTo>
                  <a:pt x="11049000" y="36576"/>
                </a:lnTo>
                <a:lnTo>
                  <a:pt x="11176000" y="31242"/>
                </a:lnTo>
                <a:close/>
              </a:path>
              <a:path w="13335000" h="78739">
                <a:moveTo>
                  <a:pt x="11303000" y="13716"/>
                </a:moveTo>
                <a:lnTo>
                  <a:pt x="11303000" y="0"/>
                </a:lnTo>
                <a:lnTo>
                  <a:pt x="11176000" y="0"/>
                </a:lnTo>
                <a:lnTo>
                  <a:pt x="11176000" y="11430"/>
                </a:lnTo>
                <a:lnTo>
                  <a:pt x="11303000" y="13716"/>
                </a:lnTo>
                <a:close/>
              </a:path>
              <a:path w="13335000" h="78739">
                <a:moveTo>
                  <a:pt x="12954000" y="24383"/>
                </a:moveTo>
                <a:lnTo>
                  <a:pt x="12954000" y="12953"/>
                </a:lnTo>
                <a:lnTo>
                  <a:pt x="12827000" y="9905"/>
                </a:lnTo>
                <a:lnTo>
                  <a:pt x="12827000" y="20573"/>
                </a:lnTo>
                <a:lnTo>
                  <a:pt x="12954000" y="24383"/>
                </a:lnTo>
                <a:close/>
              </a:path>
              <a:path w="13335000" h="78739">
                <a:moveTo>
                  <a:pt x="13081000" y="32765"/>
                </a:moveTo>
                <a:lnTo>
                  <a:pt x="13081000" y="26000"/>
                </a:lnTo>
                <a:lnTo>
                  <a:pt x="12954000" y="23104"/>
                </a:lnTo>
                <a:lnTo>
                  <a:pt x="12954000" y="32003"/>
                </a:lnTo>
                <a:lnTo>
                  <a:pt x="13081000" y="32765"/>
                </a:lnTo>
                <a:close/>
              </a:path>
              <a:path w="13335000" h="78739">
                <a:moveTo>
                  <a:pt x="13208000" y="29717"/>
                </a:moveTo>
                <a:lnTo>
                  <a:pt x="13208000" y="20500"/>
                </a:lnTo>
                <a:lnTo>
                  <a:pt x="13081000" y="19646"/>
                </a:lnTo>
                <a:lnTo>
                  <a:pt x="13081000" y="29783"/>
                </a:lnTo>
                <a:lnTo>
                  <a:pt x="13208000" y="29717"/>
                </a:lnTo>
                <a:close/>
              </a:path>
              <a:path w="13335000" h="78739">
                <a:moveTo>
                  <a:pt x="13335000" y="9905"/>
                </a:moveTo>
                <a:lnTo>
                  <a:pt x="13335000" y="0"/>
                </a:lnTo>
                <a:lnTo>
                  <a:pt x="13208000" y="0"/>
                </a:lnTo>
                <a:lnTo>
                  <a:pt x="13208000" y="22097"/>
                </a:lnTo>
                <a:lnTo>
                  <a:pt x="13335000" y="9905"/>
                </a:lnTo>
                <a:close/>
              </a:path>
            </a:pathLst>
          </a:custGeom>
          <a:solidFill>
            <a:srgbClr val="FF1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704476" y="3391796"/>
            <a:ext cx="7844118" cy="72464"/>
          </a:xfrm>
          <a:custGeom>
            <a:avLst/>
            <a:gdLst/>
            <a:ahLst/>
            <a:cxnLst/>
            <a:rect l="l" t="t" r="r" b="b"/>
            <a:pathLst>
              <a:path w="13335000" h="123189">
                <a:moveTo>
                  <a:pt x="127000" y="35052"/>
                </a:moveTo>
                <a:lnTo>
                  <a:pt x="127000" y="12192"/>
                </a:lnTo>
                <a:lnTo>
                  <a:pt x="0" y="3048"/>
                </a:lnTo>
                <a:lnTo>
                  <a:pt x="0" y="31242"/>
                </a:lnTo>
                <a:lnTo>
                  <a:pt x="127000" y="35052"/>
                </a:lnTo>
                <a:close/>
              </a:path>
              <a:path w="13335000" h="123189">
                <a:moveTo>
                  <a:pt x="254000" y="55827"/>
                </a:moveTo>
                <a:lnTo>
                  <a:pt x="254000" y="27432"/>
                </a:lnTo>
                <a:lnTo>
                  <a:pt x="127000" y="18288"/>
                </a:lnTo>
                <a:lnTo>
                  <a:pt x="127000" y="48768"/>
                </a:lnTo>
                <a:lnTo>
                  <a:pt x="254000" y="55827"/>
                </a:lnTo>
                <a:close/>
              </a:path>
              <a:path w="13335000" h="123189">
                <a:moveTo>
                  <a:pt x="381000" y="75438"/>
                </a:moveTo>
                <a:lnTo>
                  <a:pt x="381000" y="31195"/>
                </a:lnTo>
                <a:lnTo>
                  <a:pt x="254000" y="35154"/>
                </a:lnTo>
                <a:lnTo>
                  <a:pt x="254000" y="73152"/>
                </a:lnTo>
                <a:lnTo>
                  <a:pt x="381000" y="75438"/>
                </a:lnTo>
                <a:close/>
              </a:path>
              <a:path w="13335000" h="123189">
                <a:moveTo>
                  <a:pt x="762000" y="122682"/>
                </a:moveTo>
                <a:lnTo>
                  <a:pt x="762000" y="85344"/>
                </a:lnTo>
                <a:lnTo>
                  <a:pt x="635000" y="81534"/>
                </a:lnTo>
                <a:lnTo>
                  <a:pt x="635000" y="121920"/>
                </a:lnTo>
                <a:lnTo>
                  <a:pt x="762000" y="122682"/>
                </a:lnTo>
                <a:close/>
              </a:path>
              <a:path w="13335000" h="123189">
                <a:moveTo>
                  <a:pt x="10033000" y="28956"/>
                </a:moveTo>
                <a:lnTo>
                  <a:pt x="10033000" y="6858"/>
                </a:lnTo>
                <a:lnTo>
                  <a:pt x="9906000" y="0"/>
                </a:lnTo>
                <a:lnTo>
                  <a:pt x="9906000" y="27432"/>
                </a:lnTo>
                <a:lnTo>
                  <a:pt x="10033000" y="28956"/>
                </a:lnTo>
                <a:close/>
              </a:path>
              <a:path w="13335000" h="123189">
                <a:moveTo>
                  <a:pt x="10287000" y="54102"/>
                </a:moveTo>
                <a:lnTo>
                  <a:pt x="10287000" y="44958"/>
                </a:lnTo>
                <a:lnTo>
                  <a:pt x="10160000" y="48768"/>
                </a:lnTo>
                <a:lnTo>
                  <a:pt x="10160000" y="58674"/>
                </a:lnTo>
                <a:lnTo>
                  <a:pt x="10287000" y="54102"/>
                </a:lnTo>
                <a:close/>
              </a:path>
              <a:path w="13335000" h="123189">
                <a:moveTo>
                  <a:pt x="10414000" y="27432"/>
                </a:moveTo>
                <a:lnTo>
                  <a:pt x="10414000" y="0"/>
                </a:lnTo>
                <a:lnTo>
                  <a:pt x="10287000" y="20574"/>
                </a:lnTo>
                <a:lnTo>
                  <a:pt x="10287000" y="31242"/>
                </a:lnTo>
                <a:lnTo>
                  <a:pt x="10414000" y="27432"/>
                </a:lnTo>
                <a:close/>
              </a:path>
              <a:path w="13335000" h="123189">
                <a:moveTo>
                  <a:pt x="10541000" y="74676"/>
                </a:moveTo>
                <a:lnTo>
                  <a:pt x="10541000" y="67056"/>
                </a:lnTo>
                <a:lnTo>
                  <a:pt x="10414000" y="63246"/>
                </a:lnTo>
                <a:lnTo>
                  <a:pt x="10414000" y="70866"/>
                </a:lnTo>
                <a:lnTo>
                  <a:pt x="10541000" y="74676"/>
                </a:lnTo>
                <a:close/>
              </a:path>
              <a:path w="13335000" h="123189">
                <a:moveTo>
                  <a:pt x="10668000" y="77812"/>
                </a:moveTo>
                <a:lnTo>
                  <a:pt x="10668000" y="74676"/>
                </a:lnTo>
                <a:lnTo>
                  <a:pt x="10541000" y="78486"/>
                </a:lnTo>
                <a:lnTo>
                  <a:pt x="10541000" y="81166"/>
                </a:lnTo>
                <a:lnTo>
                  <a:pt x="10668000" y="77812"/>
                </a:lnTo>
                <a:close/>
              </a:path>
              <a:path w="13335000" h="123189">
                <a:moveTo>
                  <a:pt x="10795000" y="77683"/>
                </a:moveTo>
                <a:lnTo>
                  <a:pt x="10795000" y="70893"/>
                </a:lnTo>
                <a:lnTo>
                  <a:pt x="10668000" y="72111"/>
                </a:lnTo>
                <a:lnTo>
                  <a:pt x="10668000" y="78631"/>
                </a:lnTo>
                <a:lnTo>
                  <a:pt x="10795000" y="77683"/>
                </a:lnTo>
                <a:close/>
              </a:path>
              <a:path w="13335000" h="123189">
                <a:moveTo>
                  <a:pt x="10922000" y="66107"/>
                </a:moveTo>
                <a:lnTo>
                  <a:pt x="10922000" y="60073"/>
                </a:lnTo>
                <a:lnTo>
                  <a:pt x="10795000" y="60323"/>
                </a:lnTo>
                <a:lnTo>
                  <a:pt x="10795000" y="66538"/>
                </a:lnTo>
                <a:lnTo>
                  <a:pt x="10922000" y="66107"/>
                </a:lnTo>
                <a:close/>
              </a:path>
              <a:path w="13335000" h="123189">
                <a:moveTo>
                  <a:pt x="11049000" y="61381"/>
                </a:moveTo>
                <a:lnTo>
                  <a:pt x="11049000" y="55626"/>
                </a:lnTo>
                <a:lnTo>
                  <a:pt x="10922000" y="58674"/>
                </a:lnTo>
                <a:lnTo>
                  <a:pt x="10922000" y="64770"/>
                </a:lnTo>
                <a:lnTo>
                  <a:pt x="11049000" y="61381"/>
                </a:lnTo>
                <a:close/>
              </a:path>
              <a:path w="13335000" h="123189">
                <a:moveTo>
                  <a:pt x="11176000" y="43722"/>
                </a:moveTo>
                <a:lnTo>
                  <a:pt x="11176000" y="31242"/>
                </a:lnTo>
                <a:lnTo>
                  <a:pt x="11049000" y="36576"/>
                </a:lnTo>
                <a:lnTo>
                  <a:pt x="11049000" y="46863"/>
                </a:lnTo>
                <a:lnTo>
                  <a:pt x="11176000" y="43722"/>
                </a:lnTo>
                <a:close/>
              </a:path>
              <a:path w="13335000" h="123189">
                <a:moveTo>
                  <a:pt x="11303000" y="29718"/>
                </a:moveTo>
                <a:lnTo>
                  <a:pt x="11303000" y="13716"/>
                </a:lnTo>
                <a:lnTo>
                  <a:pt x="11176000" y="11430"/>
                </a:lnTo>
                <a:lnTo>
                  <a:pt x="11176000" y="28956"/>
                </a:lnTo>
                <a:lnTo>
                  <a:pt x="11303000" y="29718"/>
                </a:lnTo>
                <a:close/>
              </a:path>
              <a:path w="13335000" h="123189">
                <a:moveTo>
                  <a:pt x="11557000" y="6858"/>
                </a:moveTo>
                <a:lnTo>
                  <a:pt x="11557000" y="0"/>
                </a:lnTo>
                <a:lnTo>
                  <a:pt x="11430000" y="0"/>
                </a:lnTo>
                <a:lnTo>
                  <a:pt x="11557000" y="6858"/>
                </a:lnTo>
                <a:close/>
              </a:path>
              <a:path w="13335000" h="123189">
                <a:moveTo>
                  <a:pt x="12954000" y="32988"/>
                </a:moveTo>
                <a:lnTo>
                  <a:pt x="12954000" y="24383"/>
                </a:lnTo>
                <a:lnTo>
                  <a:pt x="12827000" y="20573"/>
                </a:lnTo>
                <a:lnTo>
                  <a:pt x="12827000" y="30631"/>
                </a:lnTo>
                <a:lnTo>
                  <a:pt x="12954000" y="32988"/>
                </a:lnTo>
                <a:close/>
              </a:path>
              <a:path w="13335000" h="123189">
                <a:moveTo>
                  <a:pt x="13081000" y="39112"/>
                </a:moveTo>
                <a:lnTo>
                  <a:pt x="13081000" y="32765"/>
                </a:lnTo>
                <a:lnTo>
                  <a:pt x="12954000" y="32003"/>
                </a:lnTo>
                <a:lnTo>
                  <a:pt x="12954000" y="38424"/>
                </a:lnTo>
                <a:lnTo>
                  <a:pt x="13081000" y="39112"/>
                </a:lnTo>
                <a:close/>
              </a:path>
              <a:path w="13335000" h="123189">
                <a:moveTo>
                  <a:pt x="13208000" y="37580"/>
                </a:moveTo>
                <a:lnTo>
                  <a:pt x="13208000" y="29717"/>
                </a:lnTo>
                <a:lnTo>
                  <a:pt x="13081000" y="29783"/>
                </a:lnTo>
                <a:lnTo>
                  <a:pt x="13081000" y="37468"/>
                </a:lnTo>
                <a:lnTo>
                  <a:pt x="13208000" y="37580"/>
                </a:lnTo>
                <a:close/>
              </a:path>
              <a:path w="13335000" h="123189">
                <a:moveTo>
                  <a:pt x="13335000" y="24383"/>
                </a:moveTo>
                <a:lnTo>
                  <a:pt x="13335000" y="9905"/>
                </a:lnTo>
                <a:lnTo>
                  <a:pt x="13208000" y="22097"/>
                </a:lnTo>
                <a:lnTo>
                  <a:pt x="13208000" y="27431"/>
                </a:lnTo>
                <a:lnTo>
                  <a:pt x="13335000" y="24383"/>
                </a:lnTo>
                <a:close/>
              </a:path>
            </a:pathLst>
          </a:custGeom>
          <a:solidFill>
            <a:srgbClr val="FF3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704476" y="3391796"/>
            <a:ext cx="7844118" cy="90768"/>
          </a:xfrm>
          <a:custGeom>
            <a:avLst/>
            <a:gdLst/>
            <a:ahLst/>
            <a:cxnLst/>
            <a:rect l="l" t="t" r="r" b="b"/>
            <a:pathLst>
              <a:path w="13335000" h="154304">
                <a:moveTo>
                  <a:pt x="127000" y="49530"/>
                </a:moveTo>
                <a:lnTo>
                  <a:pt x="127000" y="35052"/>
                </a:lnTo>
                <a:lnTo>
                  <a:pt x="0" y="31242"/>
                </a:lnTo>
                <a:lnTo>
                  <a:pt x="0" y="48006"/>
                </a:lnTo>
                <a:lnTo>
                  <a:pt x="127000" y="49530"/>
                </a:lnTo>
                <a:close/>
              </a:path>
              <a:path w="13335000" h="154304">
                <a:moveTo>
                  <a:pt x="254000" y="80772"/>
                </a:moveTo>
                <a:lnTo>
                  <a:pt x="254000" y="55827"/>
                </a:lnTo>
                <a:lnTo>
                  <a:pt x="127000" y="48768"/>
                </a:lnTo>
                <a:lnTo>
                  <a:pt x="127000" y="72390"/>
                </a:lnTo>
                <a:lnTo>
                  <a:pt x="254000" y="80772"/>
                </a:lnTo>
                <a:close/>
              </a:path>
              <a:path w="13335000" h="154304">
                <a:moveTo>
                  <a:pt x="381000" y="117275"/>
                </a:moveTo>
                <a:lnTo>
                  <a:pt x="381000" y="75438"/>
                </a:lnTo>
                <a:lnTo>
                  <a:pt x="254000" y="73152"/>
                </a:lnTo>
                <a:lnTo>
                  <a:pt x="254000" y="115743"/>
                </a:lnTo>
                <a:lnTo>
                  <a:pt x="381000" y="117275"/>
                </a:lnTo>
                <a:close/>
              </a:path>
              <a:path w="13335000" h="154304">
                <a:moveTo>
                  <a:pt x="508000" y="108966"/>
                </a:moveTo>
                <a:lnTo>
                  <a:pt x="508000" y="48241"/>
                </a:lnTo>
                <a:lnTo>
                  <a:pt x="381000" y="36114"/>
                </a:lnTo>
                <a:lnTo>
                  <a:pt x="381000" y="123444"/>
                </a:lnTo>
                <a:lnTo>
                  <a:pt x="508000" y="108966"/>
                </a:lnTo>
                <a:close/>
              </a:path>
              <a:path w="13335000" h="154304">
                <a:moveTo>
                  <a:pt x="635000" y="136398"/>
                </a:moveTo>
                <a:lnTo>
                  <a:pt x="635000" y="70104"/>
                </a:lnTo>
                <a:lnTo>
                  <a:pt x="508000" y="62484"/>
                </a:lnTo>
                <a:lnTo>
                  <a:pt x="508000" y="140970"/>
                </a:lnTo>
                <a:lnTo>
                  <a:pt x="635000" y="136398"/>
                </a:lnTo>
                <a:close/>
              </a:path>
              <a:path w="13335000" h="154304">
                <a:moveTo>
                  <a:pt x="762000" y="85344"/>
                </a:moveTo>
                <a:lnTo>
                  <a:pt x="762000" y="38862"/>
                </a:lnTo>
                <a:lnTo>
                  <a:pt x="635000" y="33528"/>
                </a:lnTo>
                <a:lnTo>
                  <a:pt x="635000" y="81534"/>
                </a:lnTo>
                <a:lnTo>
                  <a:pt x="762000" y="85344"/>
                </a:lnTo>
                <a:close/>
              </a:path>
              <a:path w="13335000" h="154304">
                <a:moveTo>
                  <a:pt x="762000" y="152400"/>
                </a:moveTo>
                <a:lnTo>
                  <a:pt x="762000" y="122682"/>
                </a:lnTo>
                <a:lnTo>
                  <a:pt x="635000" y="121920"/>
                </a:lnTo>
                <a:lnTo>
                  <a:pt x="635000" y="153924"/>
                </a:lnTo>
                <a:lnTo>
                  <a:pt x="762000" y="152400"/>
                </a:lnTo>
                <a:close/>
              </a:path>
              <a:path w="13335000" h="154304">
                <a:moveTo>
                  <a:pt x="2540000" y="115824"/>
                </a:moveTo>
                <a:lnTo>
                  <a:pt x="2540000" y="76962"/>
                </a:lnTo>
                <a:lnTo>
                  <a:pt x="2413000" y="73914"/>
                </a:lnTo>
                <a:lnTo>
                  <a:pt x="2413000" y="115824"/>
                </a:lnTo>
                <a:lnTo>
                  <a:pt x="2540000" y="115824"/>
                </a:lnTo>
                <a:close/>
              </a:path>
              <a:path w="13335000" h="154304">
                <a:moveTo>
                  <a:pt x="2794000" y="28956"/>
                </a:moveTo>
                <a:lnTo>
                  <a:pt x="2794000" y="0"/>
                </a:lnTo>
                <a:lnTo>
                  <a:pt x="2667000" y="0"/>
                </a:lnTo>
                <a:lnTo>
                  <a:pt x="2667000" y="37338"/>
                </a:lnTo>
                <a:lnTo>
                  <a:pt x="2794000" y="28956"/>
                </a:lnTo>
                <a:close/>
              </a:path>
              <a:path w="13335000" h="154304">
                <a:moveTo>
                  <a:pt x="5334000" y="108966"/>
                </a:moveTo>
                <a:lnTo>
                  <a:pt x="5334000" y="81534"/>
                </a:lnTo>
                <a:lnTo>
                  <a:pt x="5207000" y="79248"/>
                </a:lnTo>
                <a:lnTo>
                  <a:pt x="5207000" y="119634"/>
                </a:lnTo>
                <a:lnTo>
                  <a:pt x="5334000" y="108966"/>
                </a:lnTo>
                <a:close/>
              </a:path>
              <a:path w="13335000" h="154304">
                <a:moveTo>
                  <a:pt x="5461000" y="121920"/>
                </a:moveTo>
                <a:lnTo>
                  <a:pt x="5461000" y="76200"/>
                </a:lnTo>
                <a:lnTo>
                  <a:pt x="5334000" y="67056"/>
                </a:lnTo>
                <a:lnTo>
                  <a:pt x="5334000" y="130302"/>
                </a:lnTo>
                <a:lnTo>
                  <a:pt x="5461000" y="121920"/>
                </a:lnTo>
                <a:close/>
              </a:path>
              <a:path w="13335000" h="154304">
                <a:moveTo>
                  <a:pt x="5715000" y="128778"/>
                </a:moveTo>
                <a:lnTo>
                  <a:pt x="5715000" y="81534"/>
                </a:lnTo>
                <a:lnTo>
                  <a:pt x="5588000" y="108966"/>
                </a:lnTo>
                <a:lnTo>
                  <a:pt x="5715000" y="128778"/>
                </a:lnTo>
                <a:close/>
              </a:path>
              <a:path w="13335000" h="154304">
                <a:moveTo>
                  <a:pt x="9779000" y="24384"/>
                </a:moveTo>
                <a:lnTo>
                  <a:pt x="9779000" y="0"/>
                </a:lnTo>
                <a:lnTo>
                  <a:pt x="9652000" y="0"/>
                </a:lnTo>
                <a:lnTo>
                  <a:pt x="9652000" y="23622"/>
                </a:lnTo>
                <a:lnTo>
                  <a:pt x="9779000" y="24384"/>
                </a:lnTo>
                <a:close/>
              </a:path>
              <a:path w="13335000" h="154304">
                <a:moveTo>
                  <a:pt x="10033000" y="41148"/>
                </a:moveTo>
                <a:lnTo>
                  <a:pt x="10033000" y="28956"/>
                </a:lnTo>
                <a:lnTo>
                  <a:pt x="9906000" y="27432"/>
                </a:lnTo>
                <a:lnTo>
                  <a:pt x="9906000" y="35052"/>
                </a:lnTo>
                <a:lnTo>
                  <a:pt x="10033000" y="41148"/>
                </a:lnTo>
                <a:close/>
              </a:path>
              <a:path w="13335000" h="154304">
                <a:moveTo>
                  <a:pt x="10287000" y="61722"/>
                </a:moveTo>
                <a:lnTo>
                  <a:pt x="10287000" y="54102"/>
                </a:lnTo>
                <a:lnTo>
                  <a:pt x="10160000" y="58674"/>
                </a:lnTo>
                <a:lnTo>
                  <a:pt x="10160000" y="67056"/>
                </a:lnTo>
                <a:lnTo>
                  <a:pt x="10287000" y="61722"/>
                </a:lnTo>
                <a:close/>
              </a:path>
              <a:path w="13335000" h="154304">
                <a:moveTo>
                  <a:pt x="10414000" y="27432"/>
                </a:moveTo>
                <a:lnTo>
                  <a:pt x="10287000" y="31242"/>
                </a:lnTo>
                <a:lnTo>
                  <a:pt x="10287000" y="39624"/>
                </a:lnTo>
                <a:lnTo>
                  <a:pt x="10414000" y="27432"/>
                </a:lnTo>
                <a:close/>
              </a:path>
              <a:path w="13335000" h="154304">
                <a:moveTo>
                  <a:pt x="10541000" y="80010"/>
                </a:moveTo>
                <a:lnTo>
                  <a:pt x="10541000" y="74676"/>
                </a:lnTo>
                <a:lnTo>
                  <a:pt x="10414000" y="70866"/>
                </a:lnTo>
                <a:lnTo>
                  <a:pt x="10414000" y="76200"/>
                </a:lnTo>
                <a:lnTo>
                  <a:pt x="10541000" y="80010"/>
                </a:lnTo>
                <a:close/>
              </a:path>
              <a:path w="13335000" h="154304">
                <a:moveTo>
                  <a:pt x="10668000" y="87630"/>
                </a:moveTo>
                <a:lnTo>
                  <a:pt x="10668000" y="77812"/>
                </a:lnTo>
                <a:lnTo>
                  <a:pt x="10541000" y="81166"/>
                </a:lnTo>
                <a:lnTo>
                  <a:pt x="10541000" y="93726"/>
                </a:lnTo>
                <a:lnTo>
                  <a:pt x="10668000" y="87630"/>
                </a:lnTo>
                <a:close/>
              </a:path>
              <a:path w="13335000" h="154304">
                <a:moveTo>
                  <a:pt x="10795000" y="82789"/>
                </a:moveTo>
                <a:lnTo>
                  <a:pt x="10795000" y="77683"/>
                </a:lnTo>
                <a:lnTo>
                  <a:pt x="10668000" y="78631"/>
                </a:lnTo>
                <a:lnTo>
                  <a:pt x="10668000" y="84448"/>
                </a:lnTo>
                <a:lnTo>
                  <a:pt x="10795000" y="82789"/>
                </a:lnTo>
                <a:close/>
              </a:path>
              <a:path w="13335000" h="154304">
                <a:moveTo>
                  <a:pt x="10922000" y="70991"/>
                </a:moveTo>
                <a:lnTo>
                  <a:pt x="10922000" y="66107"/>
                </a:lnTo>
                <a:lnTo>
                  <a:pt x="10795000" y="66538"/>
                </a:lnTo>
                <a:lnTo>
                  <a:pt x="10795000" y="71440"/>
                </a:lnTo>
                <a:lnTo>
                  <a:pt x="10922000" y="70991"/>
                </a:lnTo>
                <a:close/>
              </a:path>
              <a:path w="13335000" h="154304">
                <a:moveTo>
                  <a:pt x="11049000" y="68580"/>
                </a:moveTo>
                <a:lnTo>
                  <a:pt x="11049000" y="61381"/>
                </a:lnTo>
                <a:lnTo>
                  <a:pt x="10922000" y="64770"/>
                </a:lnTo>
                <a:lnTo>
                  <a:pt x="10922000" y="70104"/>
                </a:lnTo>
                <a:lnTo>
                  <a:pt x="11049000" y="68580"/>
                </a:lnTo>
                <a:close/>
              </a:path>
              <a:path w="13335000" h="154304">
                <a:moveTo>
                  <a:pt x="11176000" y="52042"/>
                </a:moveTo>
                <a:lnTo>
                  <a:pt x="11176000" y="43722"/>
                </a:lnTo>
                <a:lnTo>
                  <a:pt x="11049000" y="46863"/>
                </a:lnTo>
                <a:lnTo>
                  <a:pt x="11049000" y="55626"/>
                </a:lnTo>
                <a:lnTo>
                  <a:pt x="11176000" y="52042"/>
                </a:lnTo>
                <a:close/>
              </a:path>
              <a:path w="13335000" h="154304">
                <a:moveTo>
                  <a:pt x="11303000" y="39401"/>
                </a:moveTo>
                <a:lnTo>
                  <a:pt x="11303000" y="29718"/>
                </a:lnTo>
                <a:lnTo>
                  <a:pt x="11176000" y="28956"/>
                </a:lnTo>
                <a:lnTo>
                  <a:pt x="11176000" y="39643"/>
                </a:lnTo>
                <a:lnTo>
                  <a:pt x="11303000" y="39401"/>
                </a:lnTo>
                <a:close/>
              </a:path>
              <a:path w="13335000" h="154304">
                <a:moveTo>
                  <a:pt x="11557000" y="24384"/>
                </a:moveTo>
                <a:lnTo>
                  <a:pt x="11557000" y="6858"/>
                </a:lnTo>
                <a:lnTo>
                  <a:pt x="11430000" y="0"/>
                </a:lnTo>
                <a:lnTo>
                  <a:pt x="11303000" y="0"/>
                </a:lnTo>
                <a:lnTo>
                  <a:pt x="11303000" y="17613"/>
                </a:lnTo>
                <a:lnTo>
                  <a:pt x="11430000" y="10803"/>
                </a:lnTo>
                <a:lnTo>
                  <a:pt x="11430000" y="16764"/>
                </a:lnTo>
                <a:lnTo>
                  <a:pt x="11557000" y="24384"/>
                </a:lnTo>
                <a:close/>
              </a:path>
              <a:path w="13335000" h="154304">
                <a:moveTo>
                  <a:pt x="11811000" y="16002"/>
                </a:moveTo>
                <a:lnTo>
                  <a:pt x="11811000" y="0"/>
                </a:lnTo>
                <a:lnTo>
                  <a:pt x="11684000" y="0"/>
                </a:lnTo>
                <a:lnTo>
                  <a:pt x="11684000" y="9906"/>
                </a:lnTo>
                <a:lnTo>
                  <a:pt x="11811000" y="16002"/>
                </a:lnTo>
                <a:close/>
              </a:path>
              <a:path w="13335000" h="154304">
                <a:moveTo>
                  <a:pt x="12954000" y="39403"/>
                </a:moveTo>
                <a:lnTo>
                  <a:pt x="12954000" y="32988"/>
                </a:lnTo>
                <a:lnTo>
                  <a:pt x="12827000" y="30631"/>
                </a:lnTo>
                <a:lnTo>
                  <a:pt x="12827000" y="37671"/>
                </a:lnTo>
                <a:lnTo>
                  <a:pt x="12954000" y="39403"/>
                </a:lnTo>
                <a:close/>
              </a:path>
              <a:path w="13335000" h="154304">
                <a:moveTo>
                  <a:pt x="13081000" y="45719"/>
                </a:moveTo>
                <a:lnTo>
                  <a:pt x="13081000" y="39112"/>
                </a:lnTo>
                <a:lnTo>
                  <a:pt x="12954000" y="38424"/>
                </a:lnTo>
                <a:lnTo>
                  <a:pt x="12954000" y="45318"/>
                </a:lnTo>
                <a:lnTo>
                  <a:pt x="13081000" y="45719"/>
                </a:lnTo>
                <a:close/>
              </a:path>
              <a:path w="13335000" h="154304">
                <a:moveTo>
                  <a:pt x="13208000" y="43849"/>
                </a:moveTo>
                <a:lnTo>
                  <a:pt x="13208000" y="37580"/>
                </a:lnTo>
                <a:lnTo>
                  <a:pt x="13081000" y="37468"/>
                </a:lnTo>
                <a:lnTo>
                  <a:pt x="13081000" y="43676"/>
                </a:lnTo>
                <a:lnTo>
                  <a:pt x="13208000" y="43849"/>
                </a:lnTo>
                <a:close/>
              </a:path>
              <a:path w="13335000" h="154304">
                <a:moveTo>
                  <a:pt x="13335000" y="32003"/>
                </a:moveTo>
                <a:lnTo>
                  <a:pt x="13335000" y="24383"/>
                </a:lnTo>
                <a:lnTo>
                  <a:pt x="13208000" y="27431"/>
                </a:lnTo>
                <a:lnTo>
                  <a:pt x="13208000" y="39761"/>
                </a:lnTo>
                <a:lnTo>
                  <a:pt x="13335000" y="32003"/>
                </a:lnTo>
                <a:close/>
              </a:path>
            </a:pathLst>
          </a:custGeom>
          <a:solidFill>
            <a:srgbClr val="FF5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629770" y="3391796"/>
            <a:ext cx="7918824" cy="277159"/>
          </a:xfrm>
          <a:custGeom>
            <a:avLst/>
            <a:gdLst/>
            <a:ahLst/>
            <a:cxnLst/>
            <a:rect l="l" t="t" r="r" b="b"/>
            <a:pathLst>
              <a:path w="13462000" h="471170">
                <a:moveTo>
                  <a:pt x="127000" y="75729"/>
                </a:moveTo>
                <a:lnTo>
                  <a:pt x="127000" y="0"/>
                </a:lnTo>
                <a:lnTo>
                  <a:pt x="0" y="0"/>
                </a:lnTo>
                <a:lnTo>
                  <a:pt x="0" y="65926"/>
                </a:lnTo>
                <a:lnTo>
                  <a:pt x="127000" y="75729"/>
                </a:lnTo>
                <a:close/>
              </a:path>
              <a:path w="13462000" h="471170">
                <a:moveTo>
                  <a:pt x="254000" y="69233"/>
                </a:moveTo>
                <a:lnTo>
                  <a:pt x="254000" y="49530"/>
                </a:lnTo>
                <a:lnTo>
                  <a:pt x="127000" y="48006"/>
                </a:lnTo>
                <a:lnTo>
                  <a:pt x="127000" y="69522"/>
                </a:lnTo>
                <a:lnTo>
                  <a:pt x="254000" y="69233"/>
                </a:lnTo>
                <a:close/>
              </a:path>
              <a:path w="13462000" h="471170">
                <a:moveTo>
                  <a:pt x="381000" y="120396"/>
                </a:moveTo>
                <a:lnTo>
                  <a:pt x="381000" y="80772"/>
                </a:lnTo>
                <a:lnTo>
                  <a:pt x="254000" y="72390"/>
                </a:lnTo>
                <a:lnTo>
                  <a:pt x="254000" y="108966"/>
                </a:lnTo>
                <a:lnTo>
                  <a:pt x="381000" y="120396"/>
                </a:lnTo>
                <a:close/>
              </a:path>
              <a:path w="13462000" h="471170">
                <a:moveTo>
                  <a:pt x="508000" y="144780"/>
                </a:moveTo>
                <a:lnTo>
                  <a:pt x="508000" y="117275"/>
                </a:lnTo>
                <a:lnTo>
                  <a:pt x="381000" y="115743"/>
                </a:lnTo>
                <a:lnTo>
                  <a:pt x="381000" y="142494"/>
                </a:lnTo>
                <a:lnTo>
                  <a:pt x="508000" y="144780"/>
                </a:lnTo>
                <a:close/>
              </a:path>
              <a:path w="13462000" h="471170">
                <a:moveTo>
                  <a:pt x="889000" y="38862"/>
                </a:moveTo>
                <a:lnTo>
                  <a:pt x="889000" y="0"/>
                </a:lnTo>
                <a:lnTo>
                  <a:pt x="508000" y="0"/>
                </a:lnTo>
                <a:lnTo>
                  <a:pt x="508000" y="36114"/>
                </a:lnTo>
                <a:lnTo>
                  <a:pt x="635000" y="48241"/>
                </a:lnTo>
                <a:lnTo>
                  <a:pt x="635000" y="62484"/>
                </a:lnTo>
                <a:lnTo>
                  <a:pt x="762000" y="70104"/>
                </a:lnTo>
                <a:lnTo>
                  <a:pt x="762000" y="33528"/>
                </a:lnTo>
                <a:lnTo>
                  <a:pt x="889000" y="38862"/>
                </a:lnTo>
                <a:close/>
              </a:path>
              <a:path w="13462000" h="471170">
                <a:moveTo>
                  <a:pt x="635000" y="152400"/>
                </a:moveTo>
                <a:lnTo>
                  <a:pt x="635000" y="108966"/>
                </a:lnTo>
                <a:lnTo>
                  <a:pt x="508000" y="123444"/>
                </a:lnTo>
                <a:lnTo>
                  <a:pt x="508000" y="156210"/>
                </a:lnTo>
                <a:lnTo>
                  <a:pt x="635000" y="152400"/>
                </a:lnTo>
                <a:close/>
              </a:path>
              <a:path w="13462000" h="471170">
                <a:moveTo>
                  <a:pt x="762000" y="184404"/>
                </a:moveTo>
                <a:lnTo>
                  <a:pt x="762000" y="136398"/>
                </a:lnTo>
                <a:lnTo>
                  <a:pt x="635000" y="140970"/>
                </a:lnTo>
                <a:lnTo>
                  <a:pt x="635000" y="189738"/>
                </a:lnTo>
                <a:lnTo>
                  <a:pt x="762000" y="184404"/>
                </a:lnTo>
                <a:close/>
              </a:path>
              <a:path w="13462000" h="471170">
                <a:moveTo>
                  <a:pt x="889000" y="187452"/>
                </a:moveTo>
                <a:lnTo>
                  <a:pt x="889000" y="152400"/>
                </a:lnTo>
                <a:lnTo>
                  <a:pt x="762000" y="153924"/>
                </a:lnTo>
                <a:lnTo>
                  <a:pt x="762000" y="187049"/>
                </a:lnTo>
                <a:lnTo>
                  <a:pt x="889000" y="187452"/>
                </a:lnTo>
                <a:close/>
              </a:path>
              <a:path w="13462000" h="471170">
                <a:moveTo>
                  <a:pt x="1270000" y="140208"/>
                </a:moveTo>
                <a:lnTo>
                  <a:pt x="1270000" y="100584"/>
                </a:lnTo>
                <a:lnTo>
                  <a:pt x="1143000" y="104394"/>
                </a:lnTo>
                <a:lnTo>
                  <a:pt x="1143000" y="136398"/>
                </a:lnTo>
                <a:lnTo>
                  <a:pt x="1270000" y="140208"/>
                </a:lnTo>
                <a:close/>
              </a:path>
              <a:path w="13462000" h="471170">
                <a:moveTo>
                  <a:pt x="1397000" y="150114"/>
                </a:moveTo>
                <a:lnTo>
                  <a:pt x="1397000" y="78486"/>
                </a:lnTo>
                <a:lnTo>
                  <a:pt x="1270000" y="73914"/>
                </a:lnTo>
                <a:lnTo>
                  <a:pt x="1270000" y="155448"/>
                </a:lnTo>
                <a:lnTo>
                  <a:pt x="1397000" y="150114"/>
                </a:lnTo>
                <a:close/>
              </a:path>
              <a:path w="13462000" h="471170">
                <a:moveTo>
                  <a:pt x="1524000" y="145542"/>
                </a:moveTo>
                <a:lnTo>
                  <a:pt x="1524000" y="79248"/>
                </a:lnTo>
                <a:lnTo>
                  <a:pt x="1397000" y="66294"/>
                </a:lnTo>
                <a:lnTo>
                  <a:pt x="1397000" y="159258"/>
                </a:lnTo>
                <a:lnTo>
                  <a:pt x="1524000" y="145542"/>
                </a:lnTo>
                <a:close/>
              </a:path>
              <a:path w="13462000" h="471170">
                <a:moveTo>
                  <a:pt x="1905000" y="135636"/>
                </a:moveTo>
                <a:lnTo>
                  <a:pt x="1905000" y="81534"/>
                </a:lnTo>
                <a:lnTo>
                  <a:pt x="1778000" y="80010"/>
                </a:lnTo>
                <a:lnTo>
                  <a:pt x="1778000" y="138684"/>
                </a:lnTo>
                <a:lnTo>
                  <a:pt x="1905000" y="135636"/>
                </a:lnTo>
                <a:close/>
              </a:path>
              <a:path w="13462000" h="471170">
                <a:moveTo>
                  <a:pt x="2032000" y="108966"/>
                </a:moveTo>
                <a:lnTo>
                  <a:pt x="1905000" y="92202"/>
                </a:lnTo>
                <a:lnTo>
                  <a:pt x="1905000" y="132588"/>
                </a:lnTo>
                <a:lnTo>
                  <a:pt x="2032000" y="108966"/>
                </a:lnTo>
                <a:close/>
              </a:path>
              <a:path w="13462000" h="471170">
                <a:moveTo>
                  <a:pt x="2286000" y="108966"/>
                </a:moveTo>
                <a:lnTo>
                  <a:pt x="2159000" y="106680"/>
                </a:lnTo>
                <a:lnTo>
                  <a:pt x="2159000" y="111252"/>
                </a:lnTo>
                <a:lnTo>
                  <a:pt x="2286000" y="108966"/>
                </a:lnTo>
                <a:close/>
              </a:path>
              <a:path w="13462000" h="471170">
                <a:moveTo>
                  <a:pt x="2413000" y="127254"/>
                </a:moveTo>
                <a:lnTo>
                  <a:pt x="2413000" y="72390"/>
                </a:lnTo>
                <a:lnTo>
                  <a:pt x="2286000" y="67818"/>
                </a:lnTo>
                <a:lnTo>
                  <a:pt x="2286000" y="135636"/>
                </a:lnTo>
                <a:lnTo>
                  <a:pt x="2413000" y="127254"/>
                </a:lnTo>
                <a:close/>
              </a:path>
              <a:path w="13462000" h="471170">
                <a:moveTo>
                  <a:pt x="2540000" y="145542"/>
                </a:moveTo>
                <a:lnTo>
                  <a:pt x="2540000" y="27432"/>
                </a:lnTo>
                <a:lnTo>
                  <a:pt x="2413000" y="32983"/>
                </a:lnTo>
                <a:lnTo>
                  <a:pt x="2413000" y="137922"/>
                </a:lnTo>
                <a:lnTo>
                  <a:pt x="2540000" y="145542"/>
                </a:lnTo>
                <a:close/>
              </a:path>
              <a:path w="13462000" h="471170">
                <a:moveTo>
                  <a:pt x="2667000" y="76962"/>
                </a:moveTo>
                <a:lnTo>
                  <a:pt x="2667000" y="0"/>
                </a:lnTo>
                <a:lnTo>
                  <a:pt x="2540000" y="0"/>
                </a:lnTo>
                <a:lnTo>
                  <a:pt x="2540000" y="73914"/>
                </a:lnTo>
                <a:lnTo>
                  <a:pt x="2667000" y="76962"/>
                </a:lnTo>
                <a:close/>
              </a:path>
              <a:path w="13462000" h="471170">
                <a:moveTo>
                  <a:pt x="2667000" y="148590"/>
                </a:moveTo>
                <a:lnTo>
                  <a:pt x="2667000" y="115824"/>
                </a:lnTo>
                <a:lnTo>
                  <a:pt x="2540000" y="115824"/>
                </a:lnTo>
                <a:lnTo>
                  <a:pt x="2540000" y="148590"/>
                </a:lnTo>
                <a:lnTo>
                  <a:pt x="2667000" y="148590"/>
                </a:lnTo>
                <a:close/>
              </a:path>
              <a:path w="13462000" h="471170">
                <a:moveTo>
                  <a:pt x="2794000" y="147828"/>
                </a:moveTo>
                <a:lnTo>
                  <a:pt x="2794000" y="27432"/>
                </a:lnTo>
                <a:lnTo>
                  <a:pt x="2667000" y="34537"/>
                </a:lnTo>
                <a:lnTo>
                  <a:pt x="2667000" y="156210"/>
                </a:lnTo>
                <a:lnTo>
                  <a:pt x="2794000" y="147828"/>
                </a:lnTo>
                <a:close/>
              </a:path>
              <a:path w="13462000" h="471170">
                <a:moveTo>
                  <a:pt x="2921000" y="86868"/>
                </a:moveTo>
                <a:lnTo>
                  <a:pt x="2921000" y="28956"/>
                </a:lnTo>
                <a:lnTo>
                  <a:pt x="2794000" y="37338"/>
                </a:lnTo>
                <a:lnTo>
                  <a:pt x="2794000" y="108966"/>
                </a:lnTo>
                <a:lnTo>
                  <a:pt x="2921000" y="86868"/>
                </a:lnTo>
                <a:close/>
              </a:path>
              <a:path w="13462000" h="471170">
                <a:moveTo>
                  <a:pt x="3048000" y="144211"/>
                </a:moveTo>
                <a:lnTo>
                  <a:pt x="3048000" y="54864"/>
                </a:lnTo>
                <a:lnTo>
                  <a:pt x="2921000" y="63246"/>
                </a:lnTo>
                <a:lnTo>
                  <a:pt x="2921000" y="137279"/>
                </a:lnTo>
                <a:lnTo>
                  <a:pt x="3048000" y="144211"/>
                </a:lnTo>
                <a:close/>
              </a:path>
              <a:path w="13462000" h="471170">
                <a:moveTo>
                  <a:pt x="3175000" y="124206"/>
                </a:moveTo>
                <a:lnTo>
                  <a:pt x="3175000" y="86868"/>
                </a:lnTo>
                <a:lnTo>
                  <a:pt x="3048000" y="103632"/>
                </a:lnTo>
                <a:lnTo>
                  <a:pt x="3048000" y="112014"/>
                </a:lnTo>
                <a:lnTo>
                  <a:pt x="3175000" y="124206"/>
                </a:lnTo>
                <a:close/>
              </a:path>
              <a:path w="13462000" h="471170">
                <a:moveTo>
                  <a:pt x="3302000" y="145542"/>
                </a:moveTo>
                <a:lnTo>
                  <a:pt x="3302000" y="54102"/>
                </a:lnTo>
                <a:lnTo>
                  <a:pt x="3175000" y="54102"/>
                </a:lnTo>
                <a:lnTo>
                  <a:pt x="3175000" y="147066"/>
                </a:lnTo>
                <a:lnTo>
                  <a:pt x="3302000" y="145542"/>
                </a:lnTo>
                <a:close/>
              </a:path>
              <a:path w="13462000" h="471170">
                <a:moveTo>
                  <a:pt x="3683000" y="147828"/>
                </a:moveTo>
                <a:lnTo>
                  <a:pt x="3683000" y="67056"/>
                </a:lnTo>
                <a:lnTo>
                  <a:pt x="3556000" y="74676"/>
                </a:lnTo>
                <a:lnTo>
                  <a:pt x="3556000" y="142494"/>
                </a:lnTo>
                <a:lnTo>
                  <a:pt x="3683000" y="147828"/>
                </a:lnTo>
                <a:close/>
              </a:path>
              <a:path w="13462000" h="471170">
                <a:moveTo>
                  <a:pt x="3810000" y="108966"/>
                </a:moveTo>
                <a:lnTo>
                  <a:pt x="3683000" y="81534"/>
                </a:lnTo>
                <a:lnTo>
                  <a:pt x="3683000" y="135636"/>
                </a:lnTo>
                <a:lnTo>
                  <a:pt x="3810000" y="108966"/>
                </a:lnTo>
                <a:close/>
              </a:path>
              <a:path w="13462000" h="471170">
                <a:moveTo>
                  <a:pt x="4191000" y="115062"/>
                </a:moveTo>
                <a:lnTo>
                  <a:pt x="4191000" y="100584"/>
                </a:lnTo>
                <a:lnTo>
                  <a:pt x="4064000" y="108966"/>
                </a:lnTo>
                <a:lnTo>
                  <a:pt x="4191000" y="115062"/>
                </a:lnTo>
                <a:close/>
              </a:path>
              <a:path w="13462000" h="471170">
                <a:moveTo>
                  <a:pt x="4826000" y="135636"/>
                </a:moveTo>
                <a:lnTo>
                  <a:pt x="4826000" y="42672"/>
                </a:lnTo>
                <a:lnTo>
                  <a:pt x="4699000" y="54102"/>
                </a:lnTo>
                <a:lnTo>
                  <a:pt x="4699000" y="134112"/>
                </a:lnTo>
                <a:lnTo>
                  <a:pt x="4826000" y="135636"/>
                </a:lnTo>
                <a:close/>
              </a:path>
              <a:path w="13462000" h="471170">
                <a:moveTo>
                  <a:pt x="4826000" y="434340"/>
                </a:moveTo>
                <a:lnTo>
                  <a:pt x="4699000" y="409194"/>
                </a:lnTo>
                <a:lnTo>
                  <a:pt x="4699000" y="447294"/>
                </a:lnTo>
                <a:lnTo>
                  <a:pt x="4826000" y="434340"/>
                </a:lnTo>
                <a:close/>
              </a:path>
              <a:path w="13462000" h="471170">
                <a:moveTo>
                  <a:pt x="4953000" y="115062"/>
                </a:moveTo>
                <a:lnTo>
                  <a:pt x="4953000" y="100584"/>
                </a:lnTo>
                <a:lnTo>
                  <a:pt x="4826000" y="108966"/>
                </a:lnTo>
                <a:lnTo>
                  <a:pt x="4953000" y="115062"/>
                </a:lnTo>
                <a:close/>
              </a:path>
              <a:path w="13462000" h="471170">
                <a:moveTo>
                  <a:pt x="5080000" y="116586"/>
                </a:moveTo>
                <a:lnTo>
                  <a:pt x="5080000" y="94488"/>
                </a:lnTo>
                <a:lnTo>
                  <a:pt x="4953000" y="81534"/>
                </a:lnTo>
                <a:lnTo>
                  <a:pt x="4953000" y="128016"/>
                </a:lnTo>
                <a:lnTo>
                  <a:pt x="5080000" y="116586"/>
                </a:lnTo>
                <a:close/>
              </a:path>
              <a:path w="13462000" h="471170">
                <a:moveTo>
                  <a:pt x="5080000" y="468630"/>
                </a:moveTo>
                <a:lnTo>
                  <a:pt x="5080000" y="386334"/>
                </a:lnTo>
                <a:lnTo>
                  <a:pt x="4953000" y="386334"/>
                </a:lnTo>
                <a:lnTo>
                  <a:pt x="4953000" y="470916"/>
                </a:lnTo>
                <a:lnTo>
                  <a:pt x="5080000" y="468630"/>
                </a:lnTo>
                <a:close/>
              </a:path>
              <a:path w="13462000" h="471170">
                <a:moveTo>
                  <a:pt x="5334000" y="138684"/>
                </a:moveTo>
                <a:lnTo>
                  <a:pt x="5334000" y="81534"/>
                </a:lnTo>
                <a:lnTo>
                  <a:pt x="5207000" y="75438"/>
                </a:lnTo>
                <a:lnTo>
                  <a:pt x="5207000" y="147066"/>
                </a:lnTo>
                <a:lnTo>
                  <a:pt x="5334000" y="138684"/>
                </a:lnTo>
                <a:close/>
              </a:path>
              <a:path w="13462000" h="471170">
                <a:moveTo>
                  <a:pt x="5334000" y="457200"/>
                </a:moveTo>
                <a:lnTo>
                  <a:pt x="5334000" y="410718"/>
                </a:lnTo>
                <a:lnTo>
                  <a:pt x="5207000" y="406908"/>
                </a:lnTo>
                <a:lnTo>
                  <a:pt x="5207000" y="461010"/>
                </a:lnTo>
                <a:lnTo>
                  <a:pt x="5334000" y="457200"/>
                </a:lnTo>
                <a:close/>
              </a:path>
              <a:path w="13462000" h="471170">
                <a:moveTo>
                  <a:pt x="5461000" y="81534"/>
                </a:moveTo>
                <a:lnTo>
                  <a:pt x="5461000" y="14478"/>
                </a:lnTo>
                <a:lnTo>
                  <a:pt x="5334000" y="12192"/>
                </a:lnTo>
                <a:lnTo>
                  <a:pt x="5334000" y="79248"/>
                </a:lnTo>
                <a:lnTo>
                  <a:pt x="5461000" y="81534"/>
                </a:lnTo>
                <a:close/>
              </a:path>
              <a:path w="13462000" h="471170">
                <a:moveTo>
                  <a:pt x="5461000" y="157922"/>
                </a:moveTo>
                <a:lnTo>
                  <a:pt x="5461000" y="108966"/>
                </a:lnTo>
                <a:lnTo>
                  <a:pt x="5334000" y="119634"/>
                </a:lnTo>
                <a:lnTo>
                  <a:pt x="5334000" y="155047"/>
                </a:lnTo>
                <a:lnTo>
                  <a:pt x="5461000" y="157922"/>
                </a:lnTo>
                <a:close/>
              </a:path>
              <a:path w="13462000" h="471170">
                <a:moveTo>
                  <a:pt x="5588000" y="76200"/>
                </a:moveTo>
                <a:lnTo>
                  <a:pt x="5588000" y="27432"/>
                </a:lnTo>
                <a:lnTo>
                  <a:pt x="5461000" y="0"/>
                </a:lnTo>
                <a:lnTo>
                  <a:pt x="5461000" y="67056"/>
                </a:lnTo>
                <a:lnTo>
                  <a:pt x="5588000" y="76200"/>
                </a:lnTo>
                <a:close/>
              </a:path>
              <a:path w="13462000" h="471170">
                <a:moveTo>
                  <a:pt x="5588000" y="147828"/>
                </a:moveTo>
                <a:lnTo>
                  <a:pt x="5588000" y="121920"/>
                </a:lnTo>
                <a:lnTo>
                  <a:pt x="5461000" y="130302"/>
                </a:lnTo>
                <a:lnTo>
                  <a:pt x="5461000" y="157115"/>
                </a:lnTo>
                <a:lnTo>
                  <a:pt x="5588000" y="147828"/>
                </a:lnTo>
                <a:close/>
              </a:path>
              <a:path w="13462000" h="471170">
                <a:moveTo>
                  <a:pt x="5842000" y="81534"/>
                </a:moveTo>
                <a:lnTo>
                  <a:pt x="5842000" y="0"/>
                </a:lnTo>
                <a:lnTo>
                  <a:pt x="5588000" y="0"/>
                </a:lnTo>
                <a:lnTo>
                  <a:pt x="5588000" y="81534"/>
                </a:lnTo>
                <a:lnTo>
                  <a:pt x="5715000" y="99060"/>
                </a:lnTo>
                <a:lnTo>
                  <a:pt x="5715000" y="108966"/>
                </a:lnTo>
                <a:lnTo>
                  <a:pt x="5842000" y="81534"/>
                </a:lnTo>
                <a:close/>
              </a:path>
              <a:path w="13462000" h="471170">
                <a:moveTo>
                  <a:pt x="5842000" y="157734"/>
                </a:moveTo>
                <a:lnTo>
                  <a:pt x="5842000" y="128778"/>
                </a:lnTo>
                <a:lnTo>
                  <a:pt x="5715000" y="108966"/>
                </a:lnTo>
                <a:lnTo>
                  <a:pt x="5715000" y="150114"/>
                </a:lnTo>
                <a:lnTo>
                  <a:pt x="5842000" y="157734"/>
                </a:lnTo>
                <a:close/>
              </a:path>
              <a:path w="13462000" h="471170">
                <a:moveTo>
                  <a:pt x="5969000" y="137160"/>
                </a:moveTo>
                <a:lnTo>
                  <a:pt x="5969000" y="67056"/>
                </a:lnTo>
                <a:lnTo>
                  <a:pt x="5842000" y="81534"/>
                </a:lnTo>
                <a:lnTo>
                  <a:pt x="5842000" y="135636"/>
                </a:lnTo>
                <a:lnTo>
                  <a:pt x="5969000" y="137160"/>
                </a:lnTo>
                <a:close/>
              </a:path>
              <a:path w="13462000" h="471170">
                <a:moveTo>
                  <a:pt x="6096000" y="135636"/>
                </a:moveTo>
                <a:lnTo>
                  <a:pt x="6096000" y="81534"/>
                </a:lnTo>
                <a:lnTo>
                  <a:pt x="5969000" y="93726"/>
                </a:lnTo>
                <a:lnTo>
                  <a:pt x="5969000" y="126492"/>
                </a:lnTo>
                <a:lnTo>
                  <a:pt x="6096000" y="135636"/>
                </a:lnTo>
                <a:close/>
              </a:path>
              <a:path w="13462000" h="471170">
                <a:moveTo>
                  <a:pt x="6350000" y="135636"/>
                </a:moveTo>
                <a:lnTo>
                  <a:pt x="6350000" y="75438"/>
                </a:lnTo>
                <a:lnTo>
                  <a:pt x="6223000" y="74676"/>
                </a:lnTo>
                <a:lnTo>
                  <a:pt x="6223000" y="136398"/>
                </a:lnTo>
                <a:lnTo>
                  <a:pt x="6350000" y="135636"/>
                </a:lnTo>
                <a:close/>
              </a:path>
              <a:path w="13462000" h="471170">
                <a:moveTo>
                  <a:pt x="6477000" y="121920"/>
                </a:moveTo>
                <a:lnTo>
                  <a:pt x="6477000" y="73914"/>
                </a:lnTo>
                <a:lnTo>
                  <a:pt x="6350000" y="76962"/>
                </a:lnTo>
                <a:lnTo>
                  <a:pt x="6350000" y="116586"/>
                </a:lnTo>
                <a:lnTo>
                  <a:pt x="6477000" y="121920"/>
                </a:lnTo>
                <a:close/>
              </a:path>
              <a:path w="13462000" h="471170">
                <a:moveTo>
                  <a:pt x="6604000" y="111252"/>
                </a:moveTo>
                <a:lnTo>
                  <a:pt x="6604000" y="99822"/>
                </a:lnTo>
                <a:lnTo>
                  <a:pt x="6477000" y="108966"/>
                </a:lnTo>
                <a:lnTo>
                  <a:pt x="6604000" y="111252"/>
                </a:lnTo>
                <a:close/>
              </a:path>
              <a:path w="13462000" h="471170">
                <a:moveTo>
                  <a:pt x="6731000" y="454914"/>
                </a:moveTo>
                <a:lnTo>
                  <a:pt x="6731000" y="403860"/>
                </a:lnTo>
                <a:lnTo>
                  <a:pt x="6604000" y="403860"/>
                </a:lnTo>
                <a:lnTo>
                  <a:pt x="6604000" y="456438"/>
                </a:lnTo>
                <a:lnTo>
                  <a:pt x="6731000" y="454914"/>
                </a:lnTo>
                <a:close/>
              </a:path>
              <a:path w="13462000" h="471170">
                <a:moveTo>
                  <a:pt x="8890000" y="445008"/>
                </a:moveTo>
                <a:lnTo>
                  <a:pt x="8890000" y="422148"/>
                </a:lnTo>
                <a:lnTo>
                  <a:pt x="8763000" y="427482"/>
                </a:lnTo>
                <a:lnTo>
                  <a:pt x="8763000" y="439674"/>
                </a:lnTo>
                <a:lnTo>
                  <a:pt x="8890000" y="445008"/>
                </a:lnTo>
                <a:close/>
              </a:path>
              <a:path w="13462000" h="471170">
                <a:moveTo>
                  <a:pt x="9779000" y="18288"/>
                </a:moveTo>
                <a:lnTo>
                  <a:pt x="9779000" y="0"/>
                </a:lnTo>
                <a:lnTo>
                  <a:pt x="9652000" y="0"/>
                </a:lnTo>
                <a:lnTo>
                  <a:pt x="9652000" y="3810"/>
                </a:lnTo>
                <a:lnTo>
                  <a:pt x="9779000" y="18288"/>
                </a:lnTo>
                <a:close/>
              </a:path>
              <a:path w="13462000" h="471170">
                <a:moveTo>
                  <a:pt x="9906000" y="48006"/>
                </a:moveTo>
                <a:lnTo>
                  <a:pt x="9906000" y="24384"/>
                </a:lnTo>
                <a:lnTo>
                  <a:pt x="9779000" y="23622"/>
                </a:lnTo>
                <a:lnTo>
                  <a:pt x="9779000" y="47244"/>
                </a:lnTo>
                <a:lnTo>
                  <a:pt x="9906000" y="48006"/>
                </a:lnTo>
                <a:close/>
              </a:path>
              <a:path w="13462000" h="471170">
                <a:moveTo>
                  <a:pt x="10160000" y="57912"/>
                </a:moveTo>
                <a:lnTo>
                  <a:pt x="10160000" y="41148"/>
                </a:lnTo>
                <a:lnTo>
                  <a:pt x="10033000" y="35052"/>
                </a:lnTo>
                <a:lnTo>
                  <a:pt x="10033000" y="54102"/>
                </a:lnTo>
                <a:lnTo>
                  <a:pt x="10160000" y="57912"/>
                </a:lnTo>
                <a:close/>
              </a:path>
              <a:path w="13462000" h="471170">
                <a:moveTo>
                  <a:pt x="10414000" y="70866"/>
                </a:moveTo>
                <a:lnTo>
                  <a:pt x="10414000" y="61722"/>
                </a:lnTo>
                <a:lnTo>
                  <a:pt x="10287000" y="67056"/>
                </a:lnTo>
                <a:lnTo>
                  <a:pt x="10287000" y="76962"/>
                </a:lnTo>
                <a:lnTo>
                  <a:pt x="10414000" y="70866"/>
                </a:lnTo>
                <a:close/>
              </a:path>
              <a:path w="13462000" h="471170">
                <a:moveTo>
                  <a:pt x="10541000" y="30480"/>
                </a:moveTo>
                <a:lnTo>
                  <a:pt x="10541000" y="27432"/>
                </a:lnTo>
                <a:lnTo>
                  <a:pt x="10414000" y="39624"/>
                </a:lnTo>
                <a:lnTo>
                  <a:pt x="10414000" y="48768"/>
                </a:lnTo>
                <a:lnTo>
                  <a:pt x="10541000" y="30480"/>
                </a:lnTo>
                <a:close/>
              </a:path>
              <a:path w="13462000" h="471170">
                <a:moveTo>
                  <a:pt x="10668000" y="89916"/>
                </a:moveTo>
                <a:lnTo>
                  <a:pt x="10668000" y="80010"/>
                </a:lnTo>
                <a:lnTo>
                  <a:pt x="10541000" y="76200"/>
                </a:lnTo>
                <a:lnTo>
                  <a:pt x="10541000" y="85344"/>
                </a:lnTo>
                <a:lnTo>
                  <a:pt x="10668000" y="89916"/>
                </a:lnTo>
                <a:close/>
              </a:path>
              <a:path w="13462000" h="471170">
                <a:moveTo>
                  <a:pt x="10795000" y="91698"/>
                </a:moveTo>
                <a:lnTo>
                  <a:pt x="10795000" y="87630"/>
                </a:lnTo>
                <a:lnTo>
                  <a:pt x="10668000" y="93726"/>
                </a:lnTo>
                <a:lnTo>
                  <a:pt x="10668000" y="103632"/>
                </a:lnTo>
                <a:lnTo>
                  <a:pt x="10795000" y="91698"/>
                </a:lnTo>
                <a:close/>
              </a:path>
              <a:path w="13462000" h="471170">
                <a:moveTo>
                  <a:pt x="10922000" y="92864"/>
                </a:moveTo>
                <a:lnTo>
                  <a:pt x="10922000" y="82789"/>
                </a:lnTo>
                <a:lnTo>
                  <a:pt x="10795000" y="84448"/>
                </a:lnTo>
                <a:lnTo>
                  <a:pt x="10795000" y="94025"/>
                </a:lnTo>
                <a:lnTo>
                  <a:pt x="10922000" y="92864"/>
                </a:lnTo>
                <a:close/>
              </a:path>
              <a:path w="13462000" h="471170">
                <a:moveTo>
                  <a:pt x="11049000" y="78016"/>
                </a:moveTo>
                <a:lnTo>
                  <a:pt x="11049000" y="70991"/>
                </a:lnTo>
                <a:lnTo>
                  <a:pt x="10922000" y="71440"/>
                </a:lnTo>
                <a:lnTo>
                  <a:pt x="10922000" y="78757"/>
                </a:lnTo>
                <a:lnTo>
                  <a:pt x="11049000" y="78016"/>
                </a:lnTo>
                <a:close/>
              </a:path>
              <a:path w="13462000" h="471170">
                <a:moveTo>
                  <a:pt x="11176000" y="75281"/>
                </a:moveTo>
                <a:lnTo>
                  <a:pt x="11176000" y="68580"/>
                </a:lnTo>
                <a:lnTo>
                  <a:pt x="11049000" y="70104"/>
                </a:lnTo>
                <a:lnTo>
                  <a:pt x="11049000" y="75874"/>
                </a:lnTo>
                <a:lnTo>
                  <a:pt x="11176000" y="75281"/>
                </a:lnTo>
                <a:close/>
              </a:path>
              <a:path w="13462000" h="471170">
                <a:moveTo>
                  <a:pt x="11303000" y="64008"/>
                </a:moveTo>
                <a:lnTo>
                  <a:pt x="11303000" y="52042"/>
                </a:lnTo>
                <a:lnTo>
                  <a:pt x="11176000" y="55626"/>
                </a:lnTo>
                <a:lnTo>
                  <a:pt x="11176000" y="67818"/>
                </a:lnTo>
                <a:lnTo>
                  <a:pt x="11303000" y="64008"/>
                </a:lnTo>
                <a:close/>
              </a:path>
              <a:path w="13462000" h="471170">
                <a:moveTo>
                  <a:pt x="11430000" y="51054"/>
                </a:moveTo>
                <a:lnTo>
                  <a:pt x="11430000" y="39401"/>
                </a:lnTo>
                <a:lnTo>
                  <a:pt x="11303000" y="39643"/>
                </a:lnTo>
                <a:lnTo>
                  <a:pt x="11303000" y="51816"/>
                </a:lnTo>
                <a:lnTo>
                  <a:pt x="11430000" y="51054"/>
                </a:lnTo>
                <a:close/>
              </a:path>
              <a:path w="13462000" h="471170">
                <a:moveTo>
                  <a:pt x="11557000" y="37580"/>
                </a:moveTo>
                <a:lnTo>
                  <a:pt x="11557000" y="10803"/>
                </a:lnTo>
                <a:lnTo>
                  <a:pt x="11430000" y="17613"/>
                </a:lnTo>
                <a:lnTo>
                  <a:pt x="11430000" y="40386"/>
                </a:lnTo>
                <a:lnTo>
                  <a:pt x="11557000" y="37580"/>
                </a:lnTo>
                <a:close/>
              </a:path>
              <a:path w="13462000" h="471170">
                <a:moveTo>
                  <a:pt x="11684000" y="41148"/>
                </a:moveTo>
                <a:lnTo>
                  <a:pt x="11684000" y="24384"/>
                </a:lnTo>
                <a:lnTo>
                  <a:pt x="11557000" y="16764"/>
                </a:lnTo>
                <a:lnTo>
                  <a:pt x="11557000" y="38100"/>
                </a:lnTo>
                <a:lnTo>
                  <a:pt x="11684000" y="41148"/>
                </a:lnTo>
                <a:close/>
              </a:path>
              <a:path w="13462000" h="471170">
                <a:moveTo>
                  <a:pt x="11938000" y="37338"/>
                </a:moveTo>
                <a:lnTo>
                  <a:pt x="11938000" y="16002"/>
                </a:lnTo>
                <a:lnTo>
                  <a:pt x="11811000" y="9906"/>
                </a:lnTo>
                <a:lnTo>
                  <a:pt x="11811000" y="36576"/>
                </a:lnTo>
                <a:lnTo>
                  <a:pt x="11938000" y="37338"/>
                </a:lnTo>
                <a:close/>
              </a:path>
              <a:path w="13462000" h="471170">
                <a:moveTo>
                  <a:pt x="12573000" y="3809"/>
                </a:moveTo>
                <a:lnTo>
                  <a:pt x="12573000" y="0"/>
                </a:lnTo>
                <a:lnTo>
                  <a:pt x="12446000" y="0"/>
                </a:lnTo>
                <a:lnTo>
                  <a:pt x="12573000" y="3809"/>
                </a:lnTo>
                <a:close/>
              </a:path>
              <a:path w="13462000" h="471170">
                <a:moveTo>
                  <a:pt x="13081000" y="48005"/>
                </a:moveTo>
                <a:lnTo>
                  <a:pt x="13081000" y="39403"/>
                </a:lnTo>
                <a:lnTo>
                  <a:pt x="12954000" y="37671"/>
                </a:lnTo>
                <a:lnTo>
                  <a:pt x="12954000" y="45719"/>
                </a:lnTo>
                <a:lnTo>
                  <a:pt x="13081000" y="48005"/>
                </a:lnTo>
                <a:close/>
              </a:path>
              <a:path w="13462000" h="471170">
                <a:moveTo>
                  <a:pt x="13208000" y="53339"/>
                </a:moveTo>
                <a:lnTo>
                  <a:pt x="13208000" y="45719"/>
                </a:lnTo>
                <a:lnTo>
                  <a:pt x="13081000" y="45318"/>
                </a:lnTo>
                <a:lnTo>
                  <a:pt x="13081000" y="51815"/>
                </a:lnTo>
                <a:lnTo>
                  <a:pt x="13208000" y="53339"/>
                </a:lnTo>
                <a:close/>
              </a:path>
              <a:path w="13462000" h="471170">
                <a:moveTo>
                  <a:pt x="13335000" y="50063"/>
                </a:moveTo>
                <a:lnTo>
                  <a:pt x="13335000" y="43849"/>
                </a:lnTo>
                <a:lnTo>
                  <a:pt x="13208000" y="43676"/>
                </a:lnTo>
                <a:lnTo>
                  <a:pt x="13208000" y="51053"/>
                </a:lnTo>
                <a:lnTo>
                  <a:pt x="13335000" y="50063"/>
                </a:lnTo>
                <a:close/>
              </a:path>
              <a:path w="13462000" h="471170">
                <a:moveTo>
                  <a:pt x="13462000" y="40385"/>
                </a:moveTo>
                <a:lnTo>
                  <a:pt x="13462000" y="32003"/>
                </a:lnTo>
                <a:lnTo>
                  <a:pt x="13335000" y="39761"/>
                </a:lnTo>
                <a:lnTo>
                  <a:pt x="13335000" y="44195"/>
                </a:lnTo>
                <a:lnTo>
                  <a:pt x="13462000" y="40385"/>
                </a:lnTo>
                <a:close/>
              </a:path>
            </a:pathLst>
          </a:custGeom>
          <a:solidFill>
            <a:srgbClr val="FF7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629770" y="3391796"/>
            <a:ext cx="7918824" cy="382868"/>
          </a:xfrm>
          <a:custGeom>
            <a:avLst/>
            <a:gdLst/>
            <a:ahLst/>
            <a:cxnLst/>
            <a:rect l="l" t="t" r="r" b="b"/>
            <a:pathLst>
              <a:path w="13462000" h="650875">
                <a:moveTo>
                  <a:pt x="127000" y="135636"/>
                </a:moveTo>
                <a:lnTo>
                  <a:pt x="127000" y="75729"/>
                </a:lnTo>
                <a:lnTo>
                  <a:pt x="0" y="65926"/>
                </a:lnTo>
                <a:lnTo>
                  <a:pt x="0" y="121158"/>
                </a:lnTo>
                <a:lnTo>
                  <a:pt x="127000" y="135636"/>
                </a:lnTo>
                <a:close/>
              </a:path>
              <a:path w="13462000" h="650875">
                <a:moveTo>
                  <a:pt x="127000" y="589026"/>
                </a:moveTo>
                <a:lnTo>
                  <a:pt x="127000" y="538734"/>
                </a:lnTo>
                <a:lnTo>
                  <a:pt x="0" y="542544"/>
                </a:lnTo>
                <a:lnTo>
                  <a:pt x="0" y="573786"/>
                </a:lnTo>
                <a:lnTo>
                  <a:pt x="127000" y="589026"/>
                </a:lnTo>
                <a:close/>
              </a:path>
              <a:path w="13462000" h="650875">
                <a:moveTo>
                  <a:pt x="254000" y="92202"/>
                </a:moveTo>
                <a:lnTo>
                  <a:pt x="254000" y="69233"/>
                </a:lnTo>
                <a:lnTo>
                  <a:pt x="127000" y="69522"/>
                </a:lnTo>
                <a:lnTo>
                  <a:pt x="127000" y="94488"/>
                </a:lnTo>
                <a:lnTo>
                  <a:pt x="254000" y="92202"/>
                </a:lnTo>
                <a:close/>
              </a:path>
              <a:path w="13462000" h="650875">
                <a:moveTo>
                  <a:pt x="381000" y="152400"/>
                </a:moveTo>
                <a:lnTo>
                  <a:pt x="381000" y="108966"/>
                </a:lnTo>
                <a:lnTo>
                  <a:pt x="254000" y="105918"/>
                </a:lnTo>
                <a:lnTo>
                  <a:pt x="254000" y="145542"/>
                </a:lnTo>
                <a:lnTo>
                  <a:pt x="381000" y="152400"/>
                </a:lnTo>
                <a:close/>
              </a:path>
              <a:path w="13462000" h="650875">
                <a:moveTo>
                  <a:pt x="508000" y="168402"/>
                </a:moveTo>
                <a:lnTo>
                  <a:pt x="508000" y="144780"/>
                </a:lnTo>
                <a:lnTo>
                  <a:pt x="381000" y="142494"/>
                </a:lnTo>
                <a:lnTo>
                  <a:pt x="381000" y="166116"/>
                </a:lnTo>
                <a:lnTo>
                  <a:pt x="508000" y="168402"/>
                </a:lnTo>
                <a:close/>
              </a:path>
              <a:path w="13462000" h="650875">
                <a:moveTo>
                  <a:pt x="635000" y="189102"/>
                </a:moveTo>
                <a:lnTo>
                  <a:pt x="635000" y="152400"/>
                </a:lnTo>
                <a:lnTo>
                  <a:pt x="508000" y="156210"/>
                </a:lnTo>
                <a:lnTo>
                  <a:pt x="508000" y="182594"/>
                </a:lnTo>
                <a:lnTo>
                  <a:pt x="635000" y="189102"/>
                </a:lnTo>
                <a:close/>
              </a:path>
              <a:path w="13462000" h="650875">
                <a:moveTo>
                  <a:pt x="762000" y="228600"/>
                </a:moveTo>
                <a:lnTo>
                  <a:pt x="762000" y="184404"/>
                </a:lnTo>
                <a:lnTo>
                  <a:pt x="635000" y="189738"/>
                </a:lnTo>
                <a:lnTo>
                  <a:pt x="635000" y="235458"/>
                </a:lnTo>
                <a:lnTo>
                  <a:pt x="762000" y="228600"/>
                </a:lnTo>
                <a:close/>
              </a:path>
              <a:path w="13462000" h="650875">
                <a:moveTo>
                  <a:pt x="889000" y="239268"/>
                </a:moveTo>
                <a:lnTo>
                  <a:pt x="889000" y="187452"/>
                </a:lnTo>
                <a:lnTo>
                  <a:pt x="762000" y="187049"/>
                </a:lnTo>
                <a:lnTo>
                  <a:pt x="762000" y="233934"/>
                </a:lnTo>
                <a:lnTo>
                  <a:pt x="889000" y="239268"/>
                </a:lnTo>
                <a:close/>
              </a:path>
              <a:path w="13462000" h="650875">
                <a:moveTo>
                  <a:pt x="1016000" y="217170"/>
                </a:moveTo>
                <a:lnTo>
                  <a:pt x="1016000" y="0"/>
                </a:lnTo>
                <a:lnTo>
                  <a:pt x="889000" y="0"/>
                </a:lnTo>
                <a:lnTo>
                  <a:pt x="889000" y="240792"/>
                </a:lnTo>
                <a:lnTo>
                  <a:pt x="1016000" y="217170"/>
                </a:lnTo>
                <a:close/>
              </a:path>
              <a:path w="13462000" h="650875">
                <a:moveTo>
                  <a:pt x="1143000" y="177546"/>
                </a:moveTo>
                <a:lnTo>
                  <a:pt x="1143000" y="76962"/>
                </a:lnTo>
                <a:lnTo>
                  <a:pt x="1016000" y="79248"/>
                </a:lnTo>
                <a:lnTo>
                  <a:pt x="1016000" y="172974"/>
                </a:lnTo>
                <a:lnTo>
                  <a:pt x="1143000" y="177546"/>
                </a:lnTo>
                <a:close/>
              </a:path>
              <a:path w="13462000" h="650875">
                <a:moveTo>
                  <a:pt x="1270000" y="100584"/>
                </a:moveTo>
                <a:lnTo>
                  <a:pt x="1270000" y="54102"/>
                </a:lnTo>
                <a:lnTo>
                  <a:pt x="1143000" y="57912"/>
                </a:lnTo>
                <a:lnTo>
                  <a:pt x="1143000" y="104394"/>
                </a:lnTo>
                <a:lnTo>
                  <a:pt x="1270000" y="100584"/>
                </a:lnTo>
                <a:close/>
              </a:path>
              <a:path w="13462000" h="650875">
                <a:moveTo>
                  <a:pt x="1270000" y="235458"/>
                </a:moveTo>
                <a:lnTo>
                  <a:pt x="1270000" y="140208"/>
                </a:lnTo>
                <a:lnTo>
                  <a:pt x="1143000" y="136398"/>
                </a:lnTo>
                <a:lnTo>
                  <a:pt x="1143000" y="240792"/>
                </a:lnTo>
                <a:lnTo>
                  <a:pt x="1270000" y="235458"/>
                </a:lnTo>
                <a:close/>
              </a:path>
              <a:path w="13462000" h="650875">
                <a:moveTo>
                  <a:pt x="1397000" y="78486"/>
                </a:moveTo>
                <a:lnTo>
                  <a:pt x="1397000" y="28194"/>
                </a:lnTo>
                <a:lnTo>
                  <a:pt x="1270000" y="33528"/>
                </a:lnTo>
                <a:lnTo>
                  <a:pt x="1270000" y="73914"/>
                </a:lnTo>
                <a:lnTo>
                  <a:pt x="1397000" y="78486"/>
                </a:lnTo>
                <a:close/>
              </a:path>
              <a:path w="13462000" h="650875">
                <a:moveTo>
                  <a:pt x="1397000" y="233934"/>
                </a:moveTo>
                <a:lnTo>
                  <a:pt x="1397000" y="150114"/>
                </a:lnTo>
                <a:lnTo>
                  <a:pt x="1270000" y="155448"/>
                </a:lnTo>
                <a:lnTo>
                  <a:pt x="1270000" y="239268"/>
                </a:lnTo>
                <a:lnTo>
                  <a:pt x="1397000" y="233934"/>
                </a:lnTo>
                <a:close/>
              </a:path>
              <a:path w="13462000" h="650875">
                <a:moveTo>
                  <a:pt x="1524000" y="66294"/>
                </a:moveTo>
                <a:lnTo>
                  <a:pt x="1524000" y="32766"/>
                </a:lnTo>
                <a:lnTo>
                  <a:pt x="1397000" y="30480"/>
                </a:lnTo>
                <a:lnTo>
                  <a:pt x="1397000" y="60198"/>
                </a:lnTo>
                <a:lnTo>
                  <a:pt x="1524000" y="66294"/>
                </a:lnTo>
                <a:close/>
              </a:path>
              <a:path w="13462000" h="650875">
                <a:moveTo>
                  <a:pt x="1524000" y="220218"/>
                </a:moveTo>
                <a:lnTo>
                  <a:pt x="1524000" y="159258"/>
                </a:lnTo>
                <a:lnTo>
                  <a:pt x="1397000" y="161544"/>
                </a:lnTo>
                <a:lnTo>
                  <a:pt x="1397000" y="201930"/>
                </a:lnTo>
                <a:lnTo>
                  <a:pt x="1524000" y="220218"/>
                </a:lnTo>
                <a:close/>
              </a:path>
              <a:path w="13462000" h="650875">
                <a:moveTo>
                  <a:pt x="1651000" y="222504"/>
                </a:moveTo>
                <a:lnTo>
                  <a:pt x="1651000" y="54102"/>
                </a:lnTo>
                <a:lnTo>
                  <a:pt x="1524000" y="53340"/>
                </a:lnTo>
                <a:lnTo>
                  <a:pt x="1524000" y="230886"/>
                </a:lnTo>
                <a:lnTo>
                  <a:pt x="1651000" y="222504"/>
                </a:lnTo>
                <a:close/>
              </a:path>
              <a:path w="13462000" h="650875">
                <a:moveTo>
                  <a:pt x="1778000" y="150876"/>
                </a:moveTo>
                <a:lnTo>
                  <a:pt x="1778000" y="76962"/>
                </a:lnTo>
                <a:lnTo>
                  <a:pt x="1651000" y="74676"/>
                </a:lnTo>
                <a:lnTo>
                  <a:pt x="1651000" y="145542"/>
                </a:lnTo>
                <a:lnTo>
                  <a:pt x="1778000" y="150876"/>
                </a:lnTo>
                <a:close/>
              </a:path>
              <a:path w="13462000" h="650875">
                <a:moveTo>
                  <a:pt x="1905000" y="81534"/>
                </a:moveTo>
                <a:lnTo>
                  <a:pt x="1905000" y="56388"/>
                </a:lnTo>
                <a:lnTo>
                  <a:pt x="1778000" y="47244"/>
                </a:lnTo>
                <a:lnTo>
                  <a:pt x="1778000" y="80010"/>
                </a:lnTo>
                <a:lnTo>
                  <a:pt x="1905000" y="81534"/>
                </a:lnTo>
                <a:close/>
              </a:path>
              <a:path w="13462000" h="650875">
                <a:moveTo>
                  <a:pt x="1905000" y="161854"/>
                </a:moveTo>
                <a:lnTo>
                  <a:pt x="1905000" y="135636"/>
                </a:lnTo>
                <a:lnTo>
                  <a:pt x="1778000" y="138684"/>
                </a:lnTo>
                <a:lnTo>
                  <a:pt x="1778000" y="164247"/>
                </a:lnTo>
                <a:lnTo>
                  <a:pt x="1905000" y="161854"/>
                </a:lnTo>
                <a:close/>
              </a:path>
              <a:path w="13462000" h="650875">
                <a:moveTo>
                  <a:pt x="2032000" y="108966"/>
                </a:moveTo>
                <a:lnTo>
                  <a:pt x="2032000" y="67056"/>
                </a:lnTo>
                <a:lnTo>
                  <a:pt x="1905000" y="62484"/>
                </a:lnTo>
                <a:lnTo>
                  <a:pt x="1905000" y="92202"/>
                </a:lnTo>
                <a:lnTo>
                  <a:pt x="2032000" y="108966"/>
                </a:lnTo>
                <a:close/>
              </a:path>
              <a:path w="13462000" h="650875">
                <a:moveTo>
                  <a:pt x="2032000" y="172212"/>
                </a:moveTo>
                <a:lnTo>
                  <a:pt x="2032000" y="108966"/>
                </a:lnTo>
                <a:lnTo>
                  <a:pt x="1905000" y="132588"/>
                </a:lnTo>
                <a:lnTo>
                  <a:pt x="1905000" y="172571"/>
                </a:lnTo>
                <a:lnTo>
                  <a:pt x="2032000" y="172212"/>
                </a:lnTo>
                <a:close/>
              </a:path>
              <a:path w="13462000" h="650875">
                <a:moveTo>
                  <a:pt x="2159000" y="166189"/>
                </a:moveTo>
                <a:lnTo>
                  <a:pt x="2159000" y="59436"/>
                </a:lnTo>
                <a:lnTo>
                  <a:pt x="2032000" y="61722"/>
                </a:lnTo>
                <a:lnTo>
                  <a:pt x="2032000" y="163068"/>
                </a:lnTo>
                <a:lnTo>
                  <a:pt x="2159000" y="166189"/>
                </a:lnTo>
                <a:close/>
              </a:path>
              <a:path w="13462000" h="650875">
                <a:moveTo>
                  <a:pt x="2286000" y="108966"/>
                </a:moveTo>
                <a:lnTo>
                  <a:pt x="2286000" y="57912"/>
                </a:lnTo>
                <a:lnTo>
                  <a:pt x="2159000" y="56388"/>
                </a:lnTo>
                <a:lnTo>
                  <a:pt x="2159000" y="106680"/>
                </a:lnTo>
                <a:lnTo>
                  <a:pt x="2286000" y="108966"/>
                </a:lnTo>
                <a:close/>
              </a:path>
              <a:path w="13462000" h="650875">
                <a:moveTo>
                  <a:pt x="2286000" y="170688"/>
                </a:moveTo>
                <a:lnTo>
                  <a:pt x="2286000" y="108966"/>
                </a:lnTo>
                <a:lnTo>
                  <a:pt x="2159000" y="111252"/>
                </a:lnTo>
                <a:lnTo>
                  <a:pt x="2159000" y="169164"/>
                </a:lnTo>
                <a:lnTo>
                  <a:pt x="2286000" y="170688"/>
                </a:lnTo>
                <a:close/>
              </a:path>
              <a:path w="13462000" h="650875">
                <a:moveTo>
                  <a:pt x="2413000" y="72390"/>
                </a:moveTo>
                <a:lnTo>
                  <a:pt x="2413000" y="6858"/>
                </a:lnTo>
                <a:lnTo>
                  <a:pt x="2286000" y="0"/>
                </a:lnTo>
                <a:lnTo>
                  <a:pt x="2286000" y="67818"/>
                </a:lnTo>
                <a:lnTo>
                  <a:pt x="2413000" y="72390"/>
                </a:lnTo>
                <a:close/>
              </a:path>
              <a:path w="13462000" h="650875">
                <a:moveTo>
                  <a:pt x="2413000" y="171430"/>
                </a:moveTo>
                <a:lnTo>
                  <a:pt x="2413000" y="127254"/>
                </a:lnTo>
                <a:lnTo>
                  <a:pt x="2286000" y="135636"/>
                </a:lnTo>
                <a:lnTo>
                  <a:pt x="2286000" y="171716"/>
                </a:lnTo>
                <a:lnTo>
                  <a:pt x="2413000" y="171430"/>
                </a:lnTo>
                <a:close/>
              </a:path>
              <a:path w="13462000" h="650875">
                <a:moveTo>
                  <a:pt x="2540000" y="27432"/>
                </a:moveTo>
                <a:lnTo>
                  <a:pt x="2540000" y="0"/>
                </a:lnTo>
                <a:lnTo>
                  <a:pt x="2413000" y="0"/>
                </a:lnTo>
                <a:lnTo>
                  <a:pt x="2413000" y="32983"/>
                </a:lnTo>
                <a:lnTo>
                  <a:pt x="2540000" y="27432"/>
                </a:lnTo>
                <a:close/>
              </a:path>
              <a:path w="13462000" h="650875">
                <a:moveTo>
                  <a:pt x="2540000" y="182880"/>
                </a:moveTo>
                <a:lnTo>
                  <a:pt x="2540000" y="145542"/>
                </a:lnTo>
                <a:lnTo>
                  <a:pt x="2413000" y="137922"/>
                </a:lnTo>
                <a:lnTo>
                  <a:pt x="2413000" y="174498"/>
                </a:lnTo>
                <a:lnTo>
                  <a:pt x="2540000" y="182880"/>
                </a:lnTo>
                <a:close/>
              </a:path>
              <a:path w="13462000" h="650875">
                <a:moveTo>
                  <a:pt x="2667000" y="172974"/>
                </a:moveTo>
                <a:lnTo>
                  <a:pt x="2667000" y="148590"/>
                </a:lnTo>
                <a:lnTo>
                  <a:pt x="2540000" y="148590"/>
                </a:lnTo>
                <a:lnTo>
                  <a:pt x="2540000" y="175260"/>
                </a:lnTo>
                <a:lnTo>
                  <a:pt x="2667000" y="172974"/>
                </a:lnTo>
                <a:close/>
              </a:path>
              <a:path w="13462000" h="650875">
                <a:moveTo>
                  <a:pt x="2794000" y="27432"/>
                </a:moveTo>
                <a:lnTo>
                  <a:pt x="2794000" y="0"/>
                </a:lnTo>
                <a:lnTo>
                  <a:pt x="2667000" y="0"/>
                </a:lnTo>
                <a:lnTo>
                  <a:pt x="2667000" y="34537"/>
                </a:lnTo>
                <a:lnTo>
                  <a:pt x="2794000" y="27432"/>
                </a:lnTo>
                <a:close/>
              </a:path>
              <a:path w="13462000" h="650875">
                <a:moveTo>
                  <a:pt x="2794000" y="192786"/>
                </a:moveTo>
                <a:lnTo>
                  <a:pt x="2794000" y="147828"/>
                </a:lnTo>
                <a:lnTo>
                  <a:pt x="2667000" y="156210"/>
                </a:lnTo>
                <a:lnTo>
                  <a:pt x="2667000" y="201930"/>
                </a:lnTo>
                <a:lnTo>
                  <a:pt x="2794000" y="192786"/>
                </a:lnTo>
                <a:close/>
              </a:path>
              <a:path w="13462000" h="650875">
                <a:moveTo>
                  <a:pt x="2921000" y="189738"/>
                </a:moveTo>
                <a:lnTo>
                  <a:pt x="2921000" y="86868"/>
                </a:lnTo>
                <a:lnTo>
                  <a:pt x="2794000" y="108966"/>
                </a:lnTo>
                <a:lnTo>
                  <a:pt x="2794000" y="193548"/>
                </a:lnTo>
                <a:lnTo>
                  <a:pt x="2921000" y="189738"/>
                </a:lnTo>
                <a:close/>
              </a:path>
              <a:path w="13462000" h="650875">
                <a:moveTo>
                  <a:pt x="3048000" y="54864"/>
                </a:moveTo>
                <a:lnTo>
                  <a:pt x="3048000" y="0"/>
                </a:lnTo>
                <a:lnTo>
                  <a:pt x="2921000" y="17526"/>
                </a:lnTo>
                <a:lnTo>
                  <a:pt x="2921000" y="63246"/>
                </a:lnTo>
                <a:lnTo>
                  <a:pt x="3048000" y="54864"/>
                </a:lnTo>
                <a:close/>
              </a:path>
              <a:path w="13462000" h="650875">
                <a:moveTo>
                  <a:pt x="3048000" y="171450"/>
                </a:moveTo>
                <a:lnTo>
                  <a:pt x="3048000" y="144211"/>
                </a:lnTo>
                <a:lnTo>
                  <a:pt x="2921000" y="137279"/>
                </a:lnTo>
                <a:lnTo>
                  <a:pt x="2921000" y="167640"/>
                </a:lnTo>
                <a:lnTo>
                  <a:pt x="3048000" y="171450"/>
                </a:lnTo>
                <a:close/>
              </a:path>
              <a:path w="13462000" h="650875">
                <a:moveTo>
                  <a:pt x="3175000" y="86868"/>
                </a:moveTo>
                <a:lnTo>
                  <a:pt x="3175000" y="45279"/>
                </a:lnTo>
                <a:lnTo>
                  <a:pt x="3048000" y="48637"/>
                </a:lnTo>
                <a:lnTo>
                  <a:pt x="3048000" y="103632"/>
                </a:lnTo>
                <a:lnTo>
                  <a:pt x="3175000" y="86868"/>
                </a:lnTo>
                <a:close/>
              </a:path>
              <a:path w="13462000" h="650875">
                <a:moveTo>
                  <a:pt x="3175000" y="168840"/>
                </a:moveTo>
                <a:lnTo>
                  <a:pt x="3175000" y="124206"/>
                </a:lnTo>
                <a:lnTo>
                  <a:pt x="3048000" y="112014"/>
                </a:lnTo>
                <a:lnTo>
                  <a:pt x="3048000" y="170407"/>
                </a:lnTo>
                <a:lnTo>
                  <a:pt x="3175000" y="168840"/>
                </a:lnTo>
                <a:close/>
              </a:path>
              <a:path w="13462000" h="650875">
                <a:moveTo>
                  <a:pt x="3175000" y="650748"/>
                </a:moveTo>
                <a:lnTo>
                  <a:pt x="3175000" y="515112"/>
                </a:lnTo>
                <a:lnTo>
                  <a:pt x="3048000" y="511302"/>
                </a:lnTo>
                <a:lnTo>
                  <a:pt x="3048000" y="650748"/>
                </a:lnTo>
                <a:lnTo>
                  <a:pt x="3175000" y="650748"/>
                </a:lnTo>
                <a:close/>
              </a:path>
              <a:path w="13462000" h="650875">
                <a:moveTo>
                  <a:pt x="3302000" y="54102"/>
                </a:moveTo>
                <a:lnTo>
                  <a:pt x="3302000" y="0"/>
                </a:lnTo>
                <a:lnTo>
                  <a:pt x="3175000" y="0"/>
                </a:lnTo>
                <a:lnTo>
                  <a:pt x="3175000" y="54102"/>
                </a:lnTo>
                <a:lnTo>
                  <a:pt x="3302000" y="54102"/>
                </a:lnTo>
                <a:close/>
              </a:path>
              <a:path w="13462000" h="650875">
                <a:moveTo>
                  <a:pt x="3302000" y="172212"/>
                </a:moveTo>
                <a:lnTo>
                  <a:pt x="3302000" y="145542"/>
                </a:lnTo>
                <a:lnTo>
                  <a:pt x="3175000" y="147066"/>
                </a:lnTo>
                <a:lnTo>
                  <a:pt x="3175000" y="176022"/>
                </a:lnTo>
                <a:lnTo>
                  <a:pt x="3302000" y="172212"/>
                </a:lnTo>
                <a:close/>
              </a:path>
              <a:path w="13462000" h="650875">
                <a:moveTo>
                  <a:pt x="3429000" y="159258"/>
                </a:moveTo>
                <a:lnTo>
                  <a:pt x="3429000" y="0"/>
                </a:lnTo>
                <a:lnTo>
                  <a:pt x="3302000" y="27432"/>
                </a:lnTo>
                <a:lnTo>
                  <a:pt x="3302000" y="160020"/>
                </a:lnTo>
                <a:lnTo>
                  <a:pt x="3429000" y="159258"/>
                </a:lnTo>
                <a:close/>
              </a:path>
              <a:path w="13462000" h="650875">
                <a:moveTo>
                  <a:pt x="3556000" y="175260"/>
                </a:moveTo>
                <a:lnTo>
                  <a:pt x="3556000" y="51816"/>
                </a:lnTo>
                <a:lnTo>
                  <a:pt x="3429000" y="27432"/>
                </a:lnTo>
                <a:lnTo>
                  <a:pt x="3429000" y="175260"/>
                </a:lnTo>
                <a:lnTo>
                  <a:pt x="3556000" y="175260"/>
                </a:lnTo>
                <a:close/>
              </a:path>
              <a:path w="13462000" h="650875">
                <a:moveTo>
                  <a:pt x="3683000" y="67056"/>
                </a:moveTo>
                <a:lnTo>
                  <a:pt x="3683000" y="27432"/>
                </a:lnTo>
                <a:lnTo>
                  <a:pt x="3556000" y="22098"/>
                </a:lnTo>
                <a:lnTo>
                  <a:pt x="3556000" y="74676"/>
                </a:lnTo>
                <a:lnTo>
                  <a:pt x="3683000" y="67056"/>
                </a:lnTo>
                <a:close/>
              </a:path>
              <a:path w="13462000" h="650875">
                <a:moveTo>
                  <a:pt x="3810000" y="173736"/>
                </a:moveTo>
                <a:lnTo>
                  <a:pt x="3810000" y="108966"/>
                </a:lnTo>
                <a:lnTo>
                  <a:pt x="3683000" y="135636"/>
                </a:lnTo>
                <a:lnTo>
                  <a:pt x="3683000" y="147828"/>
                </a:lnTo>
                <a:lnTo>
                  <a:pt x="3556000" y="142494"/>
                </a:lnTo>
                <a:lnTo>
                  <a:pt x="3556000" y="173736"/>
                </a:lnTo>
                <a:lnTo>
                  <a:pt x="3683000" y="174498"/>
                </a:lnTo>
                <a:lnTo>
                  <a:pt x="3810000" y="173736"/>
                </a:lnTo>
                <a:close/>
              </a:path>
              <a:path w="13462000" h="650875">
                <a:moveTo>
                  <a:pt x="3683000" y="477774"/>
                </a:moveTo>
                <a:lnTo>
                  <a:pt x="3683000" y="399288"/>
                </a:lnTo>
                <a:lnTo>
                  <a:pt x="3556000" y="392430"/>
                </a:lnTo>
                <a:lnTo>
                  <a:pt x="3556000" y="483870"/>
                </a:lnTo>
                <a:lnTo>
                  <a:pt x="3683000" y="477774"/>
                </a:lnTo>
                <a:close/>
              </a:path>
              <a:path w="13462000" h="650875">
                <a:moveTo>
                  <a:pt x="3810000" y="108966"/>
                </a:moveTo>
                <a:lnTo>
                  <a:pt x="3810000" y="53340"/>
                </a:lnTo>
                <a:lnTo>
                  <a:pt x="3683000" y="52578"/>
                </a:lnTo>
                <a:lnTo>
                  <a:pt x="3683000" y="81534"/>
                </a:lnTo>
                <a:lnTo>
                  <a:pt x="3810000" y="108966"/>
                </a:lnTo>
                <a:close/>
              </a:path>
              <a:path w="13462000" h="650875">
                <a:moveTo>
                  <a:pt x="3810000" y="488442"/>
                </a:moveTo>
                <a:lnTo>
                  <a:pt x="3810000" y="381002"/>
                </a:lnTo>
                <a:lnTo>
                  <a:pt x="3683000" y="385399"/>
                </a:lnTo>
                <a:lnTo>
                  <a:pt x="3683000" y="480060"/>
                </a:lnTo>
                <a:lnTo>
                  <a:pt x="3810000" y="488442"/>
                </a:lnTo>
                <a:close/>
              </a:path>
              <a:path w="13462000" h="650875">
                <a:moveTo>
                  <a:pt x="3937000" y="147828"/>
                </a:moveTo>
                <a:lnTo>
                  <a:pt x="3937000" y="67010"/>
                </a:lnTo>
                <a:lnTo>
                  <a:pt x="3810000" y="64718"/>
                </a:lnTo>
                <a:lnTo>
                  <a:pt x="3810000" y="149352"/>
                </a:lnTo>
                <a:lnTo>
                  <a:pt x="3937000" y="147828"/>
                </a:lnTo>
                <a:close/>
              </a:path>
              <a:path w="13462000" h="650875">
                <a:moveTo>
                  <a:pt x="3937000" y="467868"/>
                </a:moveTo>
                <a:lnTo>
                  <a:pt x="3937000" y="417576"/>
                </a:lnTo>
                <a:lnTo>
                  <a:pt x="3810000" y="416814"/>
                </a:lnTo>
                <a:lnTo>
                  <a:pt x="3810000" y="471678"/>
                </a:lnTo>
                <a:lnTo>
                  <a:pt x="3937000" y="467868"/>
                </a:lnTo>
                <a:close/>
              </a:path>
              <a:path w="13462000" h="650875">
                <a:moveTo>
                  <a:pt x="4191000" y="100584"/>
                </a:moveTo>
                <a:lnTo>
                  <a:pt x="4191000" y="66294"/>
                </a:lnTo>
                <a:lnTo>
                  <a:pt x="4064000" y="68580"/>
                </a:lnTo>
                <a:lnTo>
                  <a:pt x="3937000" y="60198"/>
                </a:lnTo>
                <a:lnTo>
                  <a:pt x="3937000" y="139446"/>
                </a:lnTo>
                <a:lnTo>
                  <a:pt x="4064000" y="135636"/>
                </a:lnTo>
                <a:lnTo>
                  <a:pt x="4064000" y="108966"/>
                </a:lnTo>
                <a:lnTo>
                  <a:pt x="4191000" y="100584"/>
                </a:lnTo>
                <a:close/>
              </a:path>
              <a:path w="13462000" h="650875">
                <a:moveTo>
                  <a:pt x="4064000" y="438912"/>
                </a:moveTo>
                <a:lnTo>
                  <a:pt x="4064000" y="426720"/>
                </a:lnTo>
                <a:lnTo>
                  <a:pt x="3937000" y="407670"/>
                </a:lnTo>
                <a:lnTo>
                  <a:pt x="3937000" y="451104"/>
                </a:lnTo>
                <a:lnTo>
                  <a:pt x="4064000" y="438912"/>
                </a:lnTo>
                <a:close/>
              </a:path>
              <a:path w="13462000" h="650875">
                <a:moveTo>
                  <a:pt x="4191000" y="145542"/>
                </a:moveTo>
                <a:lnTo>
                  <a:pt x="4191000" y="115062"/>
                </a:lnTo>
                <a:lnTo>
                  <a:pt x="4064000" y="108966"/>
                </a:lnTo>
                <a:lnTo>
                  <a:pt x="4064000" y="144780"/>
                </a:lnTo>
                <a:lnTo>
                  <a:pt x="4191000" y="145542"/>
                </a:lnTo>
                <a:close/>
              </a:path>
              <a:path w="13462000" h="650875">
                <a:moveTo>
                  <a:pt x="4318000" y="0"/>
                </a:moveTo>
                <a:lnTo>
                  <a:pt x="4191000" y="0"/>
                </a:lnTo>
                <a:lnTo>
                  <a:pt x="4191000" y="22860"/>
                </a:lnTo>
                <a:lnTo>
                  <a:pt x="4318000" y="0"/>
                </a:lnTo>
                <a:close/>
              </a:path>
              <a:path w="13462000" h="650875">
                <a:moveTo>
                  <a:pt x="4318000" y="461772"/>
                </a:moveTo>
                <a:lnTo>
                  <a:pt x="4318000" y="400050"/>
                </a:lnTo>
                <a:lnTo>
                  <a:pt x="4191000" y="393954"/>
                </a:lnTo>
                <a:lnTo>
                  <a:pt x="4191000" y="464058"/>
                </a:lnTo>
                <a:lnTo>
                  <a:pt x="4318000" y="461772"/>
                </a:lnTo>
                <a:close/>
              </a:path>
              <a:path w="13462000" h="650875">
                <a:moveTo>
                  <a:pt x="4445000" y="131064"/>
                </a:moveTo>
                <a:lnTo>
                  <a:pt x="4445000" y="85344"/>
                </a:lnTo>
                <a:lnTo>
                  <a:pt x="4318000" y="104394"/>
                </a:lnTo>
                <a:lnTo>
                  <a:pt x="4318000" y="112776"/>
                </a:lnTo>
                <a:lnTo>
                  <a:pt x="4445000" y="131064"/>
                </a:lnTo>
                <a:close/>
              </a:path>
              <a:path w="13462000" h="650875">
                <a:moveTo>
                  <a:pt x="4445000" y="437388"/>
                </a:moveTo>
                <a:lnTo>
                  <a:pt x="4445000" y="403098"/>
                </a:lnTo>
                <a:lnTo>
                  <a:pt x="4318000" y="401574"/>
                </a:lnTo>
                <a:lnTo>
                  <a:pt x="4318000" y="440436"/>
                </a:lnTo>
                <a:lnTo>
                  <a:pt x="4445000" y="437388"/>
                </a:lnTo>
                <a:close/>
              </a:path>
              <a:path w="13462000" h="650875">
                <a:moveTo>
                  <a:pt x="4572000" y="108966"/>
                </a:moveTo>
                <a:lnTo>
                  <a:pt x="4445000" y="84582"/>
                </a:lnTo>
                <a:lnTo>
                  <a:pt x="4445000" y="134112"/>
                </a:lnTo>
                <a:lnTo>
                  <a:pt x="4572000" y="108966"/>
                </a:lnTo>
                <a:close/>
              </a:path>
              <a:path w="13462000" h="650875">
                <a:moveTo>
                  <a:pt x="4572000" y="463296"/>
                </a:moveTo>
                <a:lnTo>
                  <a:pt x="4572000" y="371940"/>
                </a:lnTo>
                <a:lnTo>
                  <a:pt x="4445000" y="368808"/>
                </a:lnTo>
                <a:lnTo>
                  <a:pt x="4445000" y="467868"/>
                </a:lnTo>
                <a:lnTo>
                  <a:pt x="4572000" y="463296"/>
                </a:lnTo>
                <a:close/>
              </a:path>
              <a:path w="13462000" h="650875">
                <a:moveTo>
                  <a:pt x="4699000" y="147828"/>
                </a:moveTo>
                <a:lnTo>
                  <a:pt x="4699000" y="74676"/>
                </a:lnTo>
                <a:lnTo>
                  <a:pt x="4572000" y="81752"/>
                </a:lnTo>
                <a:lnTo>
                  <a:pt x="4572000" y="140208"/>
                </a:lnTo>
                <a:lnTo>
                  <a:pt x="4699000" y="147828"/>
                </a:lnTo>
                <a:close/>
              </a:path>
              <a:path w="13462000" h="650875">
                <a:moveTo>
                  <a:pt x="4699000" y="434340"/>
                </a:moveTo>
                <a:lnTo>
                  <a:pt x="4572000" y="419100"/>
                </a:lnTo>
                <a:lnTo>
                  <a:pt x="4572000" y="442722"/>
                </a:lnTo>
                <a:lnTo>
                  <a:pt x="4699000" y="434340"/>
                </a:lnTo>
                <a:close/>
              </a:path>
              <a:path w="13462000" h="650875">
                <a:moveTo>
                  <a:pt x="4826000" y="42672"/>
                </a:moveTo>
                <a:lnTo>
                  <a:pt x="4826000" y="0"/>
                </a:lnTo>
                <a:lnTo>
                  <a:pt x="4699000" y="0"/>
                </a:lnTo>
                <a:lnTo>
                  <a:pt x="4699000" y="54102"/>
                </a:lnTo>
                <a:lnTo>
                  <a:pt x="4826000" y="42672"/>
                </a:lnTo>
                <a:close/>
              </a:path>
              <a:path w="13462000" h="650875">
                <a:moveTo>
                  <a:pt x="4826000" y="163068"/>
                </a:moveTo>
                <a:lnTo>
                  <a:pt x="4826000" y="135636"/>
                </a:lnTo>
                <a:lnTo>
                  <a:pt x="4699000" y="134112"/>
                </a:lnTo>
                <a:lnTo>
                  <a:pt x="4699000" y="160782"/>
                </a:lnTo>
                <a:lnTo>
                  <a:pt x="4826000" y="163068"/>
                </a:lnTo>
                <a:close/>
              </a:path>
              <a:path w="13462000" h="650875">
                <a:moveTo>
                  <a:pt x="4826000" y="434340"/>
                </a:moveTo>
                <a:lnTo>
                  <a:pt x="4826000" y="352806"/>
                </a:lnTo>
                <a:lnTo>
                  <a:pt x="4699000" y="364236"/>
                </a:lnTo>
                <a:lnTo>
                  <a:pt x="4699000" y="409194"/>
                </a:lnTo>
                <a:lnTo>
                  <a:pt x="4826000" y="434340"/>
                </a:lnTo>
                <a:close/>
              </a:path>
              <a:path w="13462000" h="650875">
                <a:moveTo>
                  <a:pt x="4826000" y="466344"/>
                </a:moveTo>
                <a:lnTo>
                  <a:pt x="4826000" y="434340"/>
                </a:lnTo>
                <a:lnTo>
                  <a:pt x="4699000" y="447294"/>
                </a:lnTo>
                <a:lnTo>
                  <a:pt x="4699000" y="470916"/>
                </a:lnTo>
                <a:lnTo>
                  <a:pt x="4826000" y="466344"/>
                </a:lnTo>
                <a:close/>
              </a:path>
              <a:path w="13462000" h="650875">
                <a:moveTo>
                  <a:pt x="4953000" y="100584"/>
                </a:moveTo>
                <a:lnTo>
                  <a:pt x="4953000" y="67572"/>
                </a:lnTo>
                <a:lnTo>
                  <a:pt x="4826000" y="69342"/>
                </a:lnTo>
                <a:lnTo>
                  <a:pt x="4826000" y="108966"/>
                </a:lnTo>
                <a:lnTo>
                  <a:pt x="4953000" y="100584"/>
                </a:lnTo>
                <a:close/>
              </a:path>
              <a:path w="13462000" h="650875">
                <a:moveTo>
                  <a:pt x="4953000" y="145542"/>
                </a:moveTo>
                <a:lnTo>
                  <a:pt x="4953000" y="115062"/>
                </a:lnTo>
                <a:lnTo>
                  <a:pt x="4826000" y="108966"/>
                </a:lnTo>
                <a:lnTo>
                  <a:pt x="4826000" y="140208"/>
                </a:lnTo>
                <a:lnTo>
                  <a:pt x="4953000" y="145542"/>
                </a:lnTo>
                <a:close/>
              </a:path>
              <a:path w="13462000" h="650875">
                <a:moveTo>
                  <a:pt x="4953000" y="467106"/>
                </a:moveTo>
                <a:lnTo>
                  <a:pt x="4953000" y="393954"/>
                </a:lnTo>
                <a:lnTo>
                  <a:pt x="4826000" y="402336"/>
                </a:lnTo>
                <a:lnTo>
                  <a:pt x="4826000" y="461010"/>
                </a:lnTo>
                <a:lnTo>
                  <a:pt x="4953000" y="467106"/>
                </a:lnTo>
                <a:close/>
              </a:path>
              <a:path w="13462000" h="650875">
                <a:moveTo>
                  <a:pt x="5080000" y="94488"/>
                </a:moveTo>
                <a:lnTo>
                  <a:pt x="5080000" y="55626"/>
                </a:lnTo>
                <a:lnTo>
                  <a:pt x="4953000" y="56388"/>
                </a:lnTo>
                <a:lnTo>
                  <a:pt x="4953000" y="81534"/>
                </a:lnTo>
                <a:lnTo>
                  <a:pt x="5080000" y="94488"/>
                </a:lnTo>
                <a:close/>
              </a:path>
              <a:path w="13462000" h="650875">
                <a:moveTo>
                  <a:pt x="5080000" y="149352"/>
                </a:moveTo>
                <a:lnTo>
                  <a:pt x="5080000" y="116586"/>
                </a:lnTo>
                <a:lnTo>
                  <a:pt x="4953000" y="128016"/>
                </a:lnTo>
                <a:lnTo>
                  <a:pt x="4953000" y="152400"/>
                </a:lnTo>
                <a:lnTo>
                  <a:pt x="5080000" y="149352"/>
                </a:lnTo>
                <a:close/>
              </a:path>
              <a:path w="13462000" h="650875">
                <a:moveTo>
                  <a:pt x="5080000" y="386334"/>
                </a:moveTo>
                <a:lnTo>
                  <a:pt x="5080000" y="352511"/>
                </a:lnTo>
                <a:lnTo>
                  <a:pt x="4953000" y="354036"/>
                </a:lnTo>
                <a:lnTo>
                  <a:pt x="4953000" y="386334"/>
                </a:lnTo>
                <a:lnTo>
                  <a:pt x="5080000" y="386334"/>
                </a:lnTo>
                <a:close/>
              </a:path>
              <a:path w="13462000" h="650875">
                <a:moveTo>
                  <a:pt x="5080000" y="493776"/>
                </a:moveTo>
                <a:lnTo>
                  <a:pt x="5080000" y="468630"/>
                </a:lnTo>
                <a:lnTo>
                  <a:pt x="4953000" y="470916"/>
                </a:lnTo>
                <a:lnTo>
                  <a:pt x="4953000" y="492252"/>
                </a:lnTo>
                <a:lnTo>
                  <a:pt x="5080000" y="493776"/>
                </a:lnTo>
                <a:close/>
              </a:path>
              <a:path w="13462000" h="650875">
                <a:moveTo>
                  <a:pt x="5207000" y="151638"/>
                </a:moveTo>
                <a:lnTo>
                  <a:pt x="5207000" y="27432"/>
                </a:lnTo>
                <a:lnTo>
                  <a:pt x="5080000" y="0"/>
                </a:lnTo>
                <a:lnTo>
                  <a:pt x="5080000" y="156972"/>
                </a:lnTo>
                <a:lnTo>
                  <a:pt x="5207000" y="151638"/>
                </a:lnTo>
                <a:close/>
              </a:path>
              <a:path w="13462000" h="650875">
                <a:moveTo>
                  <a:pt x="5207000" y="461010"/>
                </a:moveTo>
                <a:lnTo>
                  <a:pt x="5207000" y="372618"/>
                </a:lnTo>
                <a:lnTo>
                  <a:pt x="5080000" y="354330"/>
                </a:lnTo>
                <a:lnTo>
                  <a:pt x="5080000" y="485394"/>
                </a:lnTo>
                <a:lnTo>
                  <a:pt x="5207000" y="461010"/>
                </a:lnTo>
                <a:close/>
              </a:path>
              <a:path w="13462000" h="650875">
                <a:moveTo>
                  <a:pt x="5334000" y="81534"/>
                </a:moveTo>
                <a:lnTo>
                  <a:pt x="5334000" y="43434"/>
                </a:lnTo>
                <a:lnTo>
                  <a:pt x="5207000" y="46482"/>
                </a:lnTo>
                <a:lnTo>
                  <a:pt x="5207000" y="75438"/>
                </a:lnTo>
                <a:lnTo>
                  <a:pt x="5334000" y="81534"/>
                </a:lnTo>
                <a:close/>
              </a:path>
              <a:path w="13462000" h="650875">
                <a:moveTo>
                  <a:pt x="5334000" y="191262"/>
                </a:moveTo>
                <a:lnTo>
                  <a:pt x="5334000" y="138684"/>
                </a:lnTo>
                <a:lnTo>
                  <a:pt x="5207000" y="147066"/>
                </a:lnTo>
                <a:lnTo>
                  <a:pt x="5207000" y="189738"/>
                </a:lnTo>
                <a:lnTo>
                  <a:pt x="5334000" y="191262"/>
                </a:lnTo>
                <a:close/>
              </a:path>
              <a:path w="13462000" h="650875">
                <a:moveTo>
                  <a:pt x="5334000" y="410718"/>
                </a:moveTo>
                <a:lnTo>
                  <a:pt x="5334000" y="360426"/>
                </a:lnTo>
                <a:lnTo>
                  <a:pt x="5207000" y="355854"/>
                </a:lnTo>
                <a:lnTo>
                  <a:pt x="5207000" y="406908"/>
                </a:lnTo>
                <a:lnTo>
                  <a:pt x="5334000" y="410718"/>
                </a:lnTo>
                <a:close/>
              </a:path>
              <a:path w="13462000" h="650875">
                <a:moveTo>
                  <a:pt x="5334000" y="489110"/>
                </a:moveTo>
                <a:lnTo>
                  <a:pt x="5334000" y="457200"/>
                </a:lnTo>
                <a:lnTo>
                  <a:pt x="5207000" y="461010"/>
                </a:lnTo>
                <a:lnTo>
                  <a:pt x="5207000" y="492785"/>
                </a:lnTo>
                <a:lnTo>
                  <a:pt x="5334000" y="489110"/>
                </a:lnTo>
                <a:close/>
              </a:path>
              <a:path w="13462000" h="650875">
                <a:moveTo>
                  <a:pt x="5461000" y="14478"/>
                </a:moveTo>
                <a:lnTo>
                  <a:pt x="5461000" y="0"/>
                </a:lnTo>
                <a:lnTo>
                  <a:pt x="5334000" y="0"/>
                </a:lnTo>
                <a:lnTo>
                  <a:pt x="5334000" y="12192"/>
                </a:lnTo>
                <a:lnTo>
                  <a:pt x="5461000" y="14478"/>
                </a:lnTo>
                <a:close/>
              </a:path>
              <a:path w="13462000" h="650875">
                <a:moveTo>
                  <a:pt x="5461000" y="189738"/>
                </a:moveTo>
                <a:lnTo>
                  <a:pt x="5461000" y="157922"/>
                </a:lnTo>
                <a:lnTo>
                  <a:pt x="5334000" y="155047"/>
                </a:lnTo>
                <a:lnTo>
                  <a:pt x="5334000" y="183642"/>
                </a:lnTo>
                <a:lnTo>
                  <a:pt x="5461000" y="189738"/>
                </a:lnTo>
                <a:close/>
              </a:path>
              <a:path w="13462000" h="650875">
                <a:moveTo>
                  <a:pt x="5461000" y="477012"/>
                </a:moveTo>
                <a:lnTo>
                  <a:pt x="5461000" y="415290"/>
                </a:lnTo>
                <a:lnTo>
                  <a:pt x="5334000" y="434340"/>
                </a:lnTo>
                <a:lnTo>
                  <a:pt x="5334000" y="461010"/>
                </a:lnTo>
                <a:lnTo>
                  <a:pt x="5461000" y="477012"/>
                </a:lnTo>
                <a:close/>
              </a:path>
              <a:path w="13462000" h="650875">
                <a:moveTo>
                  <a:pt x="5588000" y="27432"/>
                </a:moveTo>
                <a:lnTo>
                  <a:pt x="5588000" y="0"/>
                </a:lnTo>
                <a:lnTo>
                  <a:pt x="5461000" y="0"/>
                </a:lnTo>
                <a:lnTo>
                  <a:pt x="5588000" y="27432"/>
                </a:lnTo>
                <a:close/>
              </a:path>
              <a:path w="13462000" h="650875">
                <a:moveTo>
                  <a:pt x="5588000" y="181356"/>
                </a:moveTo>
                <a:lnTo>
                  <a:pt x="5588000" y="147828"/>
                </a:lnTo>
                <a:lnTo>
                  <a:pt x="5461000" y="157115"/>
                </a:lnTo>
                <a:lnTo>
                  <a:pt x="5461000" y="183642"/>
                </a:lnTo>
                <a:lnTo>
                  <a:pt x="5588000" y="181356"/>
                </a:lnTo>
                <a:close/>
              </a:path>
              <a:path w="13462000" h="650875">
                <a:moveTo>
                  <a:pt x="5715000" y="162306"/>
                </a:moveTo>
                <a:lnTo>
                  <a:pt x="5715000" y="80772"/>
                </a:lnTo>
                <a:lnTo>
                  <a:pt x="5588000" y="81534"/>
                </a:lnTo>
                <a:lnTo>
                  <a:pt x="5588000" y="163068"/>
                </a:lnTo>
                <a:lnTo>
                  <a:pt x="5715000" y="162306"/>
                </a:lnTo>
                <a:close/>
              </a:path>
              <a:path w="13462000" h="650875">
                <a:moveTo>
                  <a:pt x="5842000" y="193548"/>
                </a:moveTo>
                <a:lnTo>
                  <a:pt x="5842000" y="157734"/>
                </a:lnTo>
                <a:lnTo>
                  <a:pt x="5715000" y="150114"/>
                </a:lnTo>
                <a:lnTo>
                  <a:pt x="5715000" y="191262"/>
                </a:lnTo>
                <a:lnTo>
                  <a:pt x="5842000" y="193548"/>
                </a:lnTo>
                <a:close/>
              </a:path>
              <a:path w="13462000" h="650875">
                <a:moveTo>
                  <a:pt x="5969000" y="67056"/>
                </a:moveTo>
                <a:lnTo>
                  <a:pt x="5969000" y="19812"/>
                </a:lnTo>
                <a:lnTo>
                  <a:pt x="5842000" y="0"/>
                </a:lnTo>
                <a:lnTo>
                  <a:pt x="5842000" y="81534"/>
                </a:lnTo>
                <a:lnTo>
                  <a:pt x="5969000" y="67056"/>
                </a:lnTo>
                <a:close/>
              </a:path>
              <a:path w="13462000" h="650875">
                <a:moveTo>
                  <a:pt x="5969000" y="160782"/>
                </a:moveTo>
                <a:lnTo>
                  <a:pt x="5969000" y="137160"/>
                </a:lnTo>
                <a:lnTo>
                  <a:pt x="5842000" y="135636"/>
                </a:lnTo>
                <a:lnTo>
                  <a:pt x="5842000" y="155448"/>
                </a:lnTo>
                <a:lnTo>
                  <a:pt x="5969000" y="160782"/>
                </a:lnTo>
                <a:close/>
              </a:path>
              <a:path w="13462000" h="650875">
                <a:moveTo>
                  <a:pt x="6096000" y="81534"/>
                </a:moveTo>
                <a:lnTo>
                  <a:pt x="6096000" y="43434"/>
                </a:lnTo>
                <a:lnTo>
                  <a:pt x="5969000" y="41910"/>
                </a:lnTo>
                <a:lnTo>
                  <a:pt x="5969000" y="93726"/>
                </a:lnTo>
                <a:lnTo>
                  <a:pt x="6096000" y="81534"/>
                </a:lnTo>
                <a:close/>
              </a:path>
              <a:path w="13462000" h="650875">
                <a:moveTo>
                  <a:pt x="6096000" y="170550"/>
                </a:moveTo>
                <a:lnTo>
                  <a:pt x="6096000" y="135636"/>
                </a:lnTo>
                <a:lnTo>
                  <a:pt x="5969000" y="126492"/>
                </a:lnTo>
                <a:lnTo>
                  <a:pt x="5969000" y="171414"/>
                </a:lnTo>
                <a:lnTo>
                  <a:pt x="6096000" y="170550"/>
                </a:lnTo>
                <a:close/>
              </a:path>
              <a:path w="13462000" h="650875">
                <a:moveTo>
                  <a:pt x="6350000" y="75438"/>
                </a:moveTo>
                <a:lnTo>
                  <a:pt x="6350000" y="42672"/>
                </a:lnTo>
                <a:lnTo>
                  <a:pt x="6223000" y="47244"/>
                </a:lnTo>
                <a:lnTo>
                  <a:pt x="6223000" y="74676"/>
                </a:lnTo>
                <a:lnTo>
                  <a:pt x="6350000" y="75438"/>
                </a:lnTo>
                <a:close/>
              </a:path>
              <a:path w="13462000" h="650875">
                <a:moveTo>
                  <a:pt x="6350000" y="165354"/>
                </a:moveTo>
                <a:lnTo>
                  <a:pt x="6350000" y="135636"/>
                </a:lnTo>
                <a:lnTo>
                  <a:pt x="6223000" y="136398"/>
                </a:lnTo>
                <a:lnTo>
                  <a:pt x="6223000" y="173736"/>
                </a:lnTo>
                <a:lnTo>
                  <a:pt x="6350000" y="165354"/>
                </a:lnTo>
                <a:close/>
              </a:path>
              <a:path w="13462000" h="650875">
                <a:moveTo>
                  <a:pt x="6477000" y="73914"/>
                </a:moveTo>
                <a:lnTo>
                  <a:pt x="6477000" y="0"/>
                </a:lnTo>
                <a:lnTo>
                  <a:pt x="6350000" y="0"/>
                </a:lnTo>
                <a:lnTo>
                  <a:pt x="6350000" y="76962"/>
                </a:lnTo>
                <a:lnTo>
                  <a:pt x="6477000" y="73914"/>
                </a:lnTo>
                <a:close/>
              </a:path>
              <a:path w="13462000" h="650875">
                <a:moveTo>
                  <a:pt x="6477000" y="151638"/>
                </a:moveTo>
                <a:lnTo>
                  <a:pt x="6477000" y="121920"/>
                </a:lnTo>
                <a:lnTo>
                  <a:pt x="6350000" y="116586"/>
                </a:lnTo>
                <a:lnTo>
                  <a:pt x="6350000" y="149352"/>
                </a:lnTo>
                <a:lnTo>
                  <a:pt x="6477000" y="151638"/>
                </a:lnTo>
                <a:close/>
              </a:path>
              <a:path w="13462000" h="650875">
                <a:moveTo>
                  <a:pt x="6604000" y="99822"/>
                </a:moveTo>
                <a:lnTo>
                  <a:pt x="6604000" y="32004"/>
                </a:lnTo>
                <a:lnTo>
                  <a:pt x="6477000" y="27432"/>
                </a:lnTo>
                <a:lnTo>
                  <a:pt x="6477000" y="108966"/>
                </a:lnTo>
                <a:lnTo>
                  <a:pt x="6604000" y="99822"/>
                </a:lnTo>
                <a:close/>
              </a:path>
              <a:path w="13462000" h="650875">
                <a:moveTo>
                  <a:pt x="6604000" y="152400"/>
                </a:moveTo>
                <a:lnTo>
                  <a:pt x="6604000" y="111252"/>
                </a:lnTo>
                <a:lnTo>
                  <a:pt x="6477000" y="108966"/>
                </a:lnTo>
                <a:lnTo>
                  <a:pt x="6477000" y="145542"/>
                </a:lnTo>
                <a:lnTo>
                  <a:pt x="6604000" y="152400"/>
                </a:lnTo>
                <a:close/>
              </a:path>
              <a:path w="13462000" h="650875">
                <a:moveTo>
                  <a:pt x="6858000" y="141732"/>
                </a:moveTo>
                <a:lnTo>
                  <a:pt x="6858000" y="0"/>
                </a:lnTo>
                <a:lnTo>
                  <a:pt x="6604000" y="0"/>
                </a:lnTo>
                <a:lnTo>
                  <a:pt x="6604000" y="143256"/>
                </a:lnTo>
                <a:lnTo>
                  <a:pt x="6731000" y="153162"/>
                </a:lnTo>
                <a:lnTo>
                  <a:pt x="6731000" y="135636"/>
                </a:lnTo>
                <a:lnTo>
                  <a:pt x="6858000" y="141732"/>
                </a:lnTo>
                <a:close/>
              </a:path>
              <a:path w="13462000" h="650875">
                <a:moveTo>
                  <a:pt x="6731000" y="403860"/>
                </a:moveTo>
                <a:lnTo>
                  <a:pt x="6731000" y="384048"/>
                </a:lnTo>
                <a:lnTo>
                  <a:pt x="6604000" y="384810"/>
                </a:lnTo>
                <a:lnTo>
                  <a:pt x="6604000" y="403860"/>
                </a:lnTo>
                <a:lnTo>
                  <a:pt x="6731000" y="403860"/>
                </a:lnTo>
                <a:close/>
              </a:path>
              <a:path w="13462000" h="650875">
                <a:moveTo>
                  <a:pt x="6731000" y="473202"/>
                </a:moveTo>
                <a:lnTo>
                  <a:pt x="6731000" y="454914"/>
                </a:lnTo>
                <a:lnTo>
                  <a:pt x="6604000" y="456438"/>
                </a:lnTo>
                <a:lnTo>
                  <a:pt x="6604000" y="473202"/>
                </a:lnTo>
                <a:lnTo>
                  <a:pt x="6731000" y="473202"/>
                </a:lnTo>
                <a:close/>
              </a:path>
              <a:path w="13462000" h="650875">
                <a:moveTo>
                  <a:pt x="8890000" y="422148"/>
                </a:moveTo>
                <a:lnTo>
                  <a:pt x="8890000" y="397167"/>
                </a:lnTo>
                <a:lnTo>
                  <a:pt x="8763000" y="395478"/>
                </a:lnTo>
                <a:lnTo>
                  <a:pt x="8763000" y="427482"/>
                </a:lnTo>
                <a:lnTo>
                  <a:pt x="8890000" y="422148"/>
                </a:lnTo>
                <a:close/>
              </a:path>
              <a:path w="13462000" h="650875">
                <a:moveTo>
                  <a:pt x="8890000" y="470154"/>
                </a:moveTo>
                <a:lnTo>
                  <a:pt x="8890000" y="445008"/>
                </a:lnTo>
                <a:lnTo>
                  <a:pt x="8763000" y="439674"/>
                </a:lnTo>
                <a:lnTo>
                  <a:pt x="8763000" y="468630"/>
                </a:lnTo>
                <a:lnTo>
                  <a:pt x="8890000" y="470154"/>
                </a:lnTo>
                <a:close/>
              </a:path>
              <a:path w="13462000" h="650875">
                <a:moveTo>
                  <a:pt x="9144000" y="451104"/>
                </a:moveTo>
                <a:lnTo>
                  <a:pt x="9144000" y="416814"/>
                </a:lnTo>
                <a:lnTo>
                  <a:pt x="9017000" y="406908"/>
                </a:lnTo>
                <a:lnTo>
                  <a:pt x="9017000" y="461010"/>
                </a:lnTo>
                <a:lnTo>
                  <a:pt x="9144000" y="451104"/>
                </a:lnTo>
                <a:close/>
              </a:path>
              <a:path w="13462000" h="650875">
                <a:moveTo>
                  <a:pt x="9525000" y="467868"/>
                </a:moveTo>
                <a:lnTo>
                  <a:pt x="9525000" y="405384"/>
                </a:lnTo>
                <a:lnTo>
                  <a:pt x="9398000" y="402336"/>
                </a:lnTo>
                <a:lnTo>
                  <a:pt x="9398000" y="470154"/>
                </a:lnTo>
                <a:lnTo>
                  <a:pt x="9525000" y="467868"/>
                </a:lnTo>
                <a:close/>
              </a:path>
              <a:path w="13462000" h="650875">
                <a:moveTo>
                  <a:pt x="9652000" y="445770"/>
                </a:moveTo>
                <a:lnTo>
                  <a:pt x="9652000" y="428244"/>
                </a:lnTo>
                <a:lnTo>
                  <a:pt x="9525000" y="417576"/>
                </a:lnTo>
                <a:lnTo>
                  <a:pt x="9525000" y="461010"/>
                </a:lnTo>
                <a:lnTo>
                  <a:pt x="9652000" y="445770"/>
                </a:lnTo>
                <a:close/>
              </a:path>
              <a:path w="13462000" h="650875">
                <a:moveTo>
                  <a:pt x="9779000" y="73152"/>
                </a:moveTo>
                <a:lnTo>
                  <a:pt x="9779000" y="18288"/>
                </a:lnTo>
                <a:lnTo>
                  <a:pt x="9652000" y="3810"/>
                </a:lnTo>
                <a:lnTo>
                  <a:pt x="9652000" y="54102"/>
                </a:lnTo>
                <a:lnTo>
                  <a:pt x="9779000" y="73152"/>
                </a:lnTo>
                <a:close/>
              </a:path>
              <a:path w="13462000" h="650875">
                <a:moveTo>
                  <a:pt x="9906000" y="72390"/>
                </a:moveTo>
                <a:lnTo>
                  <a:pt x="9906000" y="48006"/>
                </a:lnTo>
                <a:lnTo>
                  <a:pt x="9779000" y="47244"/>
                </a:lnTo>
                <a:lnTo>
                  <a:pt x="9779000" y="67056"/>
                </a:lnTo>
                <a:lnTo>
                  <a:pt x="9906000" y="72390"/>
                </a:lnTo>
                <a:close/>
              </a:path>
              <a:path w="13462000" h="650875">
                <a:moveTo>
                  <a:pt x="10033000" y="40386"/>
                </a:moveTo>
                <a:lnTo>
                  <a:pt x="10033000" y="0"/>
                </a:lnTo>
                <a:lnTo>
                  <a:pt x="9906000" y="0"/>
                </a:lnTo>
                <a:lnTo>
                  <a:pt x="9906000" y="34290"/>
                </a:lnTo>
                <a:lnTo>
                  <a:pt x="10033000" y="40386"/>
                </a:lnTo>
                <a:close/>
              </a:path>
              <a:path w="13462000" h="650875">
                <a:moveTo>
                  <a:pt x="10160000" y="76200"/>
                </a:moveTo>
                <a:lnTo>
                  <a:pt x="10160000" y="57912"/>
                </a:lnTo>
                <a:lnTo>
                  <a:pt x="10033000" y="54102"/>
                </a:lnTo>
                <a:lnTo>
                  <a:pt x="10033000" y="66294"/>
                </a:lnTo>
                <a:lnTo>
                  <a:pt x="10160000" y="76200"/>
                </a:lnTo>
                <a:close/>
              </a:path>
              <a:path w="13462000" h="650875">
                <a:moveTo>
                  <a:pt x="10414000" y="81534"/>
                </a:moveTo>
                <a:lnTo>
                  <a:pt x="10414000" y="70866"/>
                </a:lnTo>
                <a:lnTo>
                  <a:pt x="10287000" y="76962"/>
                </a:lnTo>
                <a:lnTo>
                  <a:pt x="10287000" y="89916"/>
                </a:lnTo>
                <a:lnTo>
                  <a:pt x="10414000" y="81534"/>
                </a:lnTo>
                <a:close/>
              </a:path>
              <a:path w="13462000" h="650875">
                <a:moveTo>
                  <a:pt x="10541000" y="54102"/>
                </a:moveTo>
                <a:lnTo>
                  <a:pt x="10541000" y="30480"/>
                </a:lnTo>
                <a:lnTo>
                  <a:pt x="10414000" y="48768"/>
                </a:lnTo>
                <a:lnTo>
                  <a:pt x="10414000" y="60960"/>
                </a:lnTo>
                <a:lnTo>
                  <a:pt x="10541000" y="54102"/>
                </a:lnTo>
                <a:close/>
              </a:path>
              <a:path w="13462000" h="650875">
                <a:moveTo>
                  <a:pt x="10668000" y="101104"/>
                </a:moveTo>
                <a:lnTo>
                  <a:pt x="10668000" y="89916"/>
                </a:lnTo>
                <a:lnTo>
                  <a:pt x="10541000" y="85344"/>
                </a:lnTo>
                <a:lnTo>
                  <a:pt x="10541000" y="96012"/>
                </a:lnTo>
                <a:lnTo>
                  <a:pt x="10668000" y="101104"/>
                </a:lnTo>
                <a:close/>
              </a:path>
              <a:path w="13462000" h="650875">
                <a:moveTo>
                  <a:pt x="10795000" y="105918"/>
                </a:moveTo>
                <a:lnTo>
                  <a:pt x="10795000" y="91698"/>
                </a:lnTo>
                <a:lnTo>
                  <a:pt x="10668000" y="103632"/>
                </a:lnTo>
                <a:lnTo>
                  <a:pt x="10668000" y="108966"/>
                </a:lnTo>
                <a:lnTo>
                  <a:pt x="10795000" y="105918"/>
                </a:lnTo>
                <a:close/>
              </a:path>
              <a:path w="13462000" h="650875">
                <a:moveTo>
                  <a:pt x="10922000" y="101346"/>
                </a:moveTo>
                <a:lnTo>
                  <a:pt x="10922000" y="92864"/>
                </a:lnTo>
                <a:lnTo>
                  <a:pt x="10795000" y="94025"/>
                </a:lnTo>
                <a:lnTo>
                  <a:pt x="10795000" y="104394"/>
                </a:lnTo>
                <a:lnTo>
                  <a:pt x="10922000" y="101346"/>
                </a:lnTo>
                <a:close/>
              </a:path>
              <a:path w="13462000" h="650875">
                <a:moveTo>
                  <a:pt x="11049000" y="84156"/>
                </a:moveTo>
                <a:lnTo>
                  <a:pt x="11049000" y="78016"/>
                </a:lnTo>
                <a:lnTo>
                  <a:pt x="10922000" y="78757"/>
                </a:lnTo>
                <a:lnTo>
                  <a:pt x="10922000" y="85363"/>
                </a:lnTo>
                <a:lnTo>
                  <a:pt x="11049000" y="84156"/>
                </a:lnTo>
                <a:close/>
              </a:path>
              <a:path w="13462000" h="650875">
                <a:moveTo>
                  <a:pt x="11176000" y="83728"/>
                </a:moveTo>
                <a:lnTo>
                  <a:pt x="11176000" y="75281"/>
                </a:lnTo>
                <a:lnTo>
                  <a:pt x="11049000" y="75874"/>
                </a:lnTo>
                <a:lnTo>
                  <a:pt x="11049000" y="83137"/>
                </a:lnTo>
                <a:lnTo>
                  <a:pt x="11176000" y="83728"/>
                </a:lnTo>
                <a:close/>
              </a:path>
              <a:path w="13462000" h="650875">
                <a:moveTo>
                  <a:pt x="11303000" y="74676"/>
                </a:moveTo>
                <a:lnTo>
                  <a:pt x="11303000" y="64008"/>
                </a:lnTo>
                <a:lnTo>
                  <a:pt x="11176000" y="67818"/>
                </a:lnTo>
                <a:lnTo>
                  <a:pt x="11176000" y="80010"/>
                </a:lnTo>
                <a:lnTo>
                  <a:pt x="11303000" y="74676"/>
                </a:lnTo>
                <a:close/>
              </a:path>
              <a:path w="13462000" h="650875">
                <a:moveTo>
                  <a:pt x="11430000" y="64008"/>
                </a:moveTo>
                <a:lnTo>
                  <a:pt x="11430000" y="51054"/>
                </a:lnTo>
                <a:lnTo>
                  <a:pt x="11303000" y="51816"/>
                </a:lnTo>
                <a:lnTo>
                  <a:pt x="11303000" y="64008"/>
                </a:lnTo>
                <a:lnTo>
                  <a:pt x="11430000" y="64008"/>
                </a:lnTo>
                <a:close/>
              </a:path>
              <a:path w="13462000" h="650875">
                <a:moveTo>
                  <a:pt x="11557000" y="55626"/>
                </a:moveTo>
                <a:lnTo>
                  <a:pt x="11557000" y="37580"/>
                </a:lnTo>
                <a:lnTo>
                  <a:pt x="11430000" y="40386"/>
                </a:lnTo>
                <a:lnTo>
                  <a:pt x="11430000" y="60198"/>
                </a:lnTo>
                <a:lnTo>
                  <a:pt x="11557000" y="55626"/>
                </a:lnTo>
                <a:close/>
              </a:path>
              <a:path w="13462000" h="650875">
                <a:moveTo>
                  <a:pt x="11684000" y="56591"/>
                </a:moveTo>
                <a:lnTo>
                  <a:pt x="11684000" y="41148"/>
                </a:lnTo>
                <a:lnTo>
                  <a:pt x="11557000" y="38100"/>
                </a:lnTo>
                <a:lnTo>
                  <a:pt x="11557000" y="57290"/>
                </a:lnTo>
                <a:lnTo>
                  <a:pt x="11684000" y="56591"/>
                </a:lnTo>
                <a:close/>
              </a:path>
              <a:path w="13462000" h="650875">
                <a:moveTo>
                  <a:pt x="11811000" y="39624"/>
                </a:moveTo>
                <a:lnTo>
                  <a:pt x="11811000" y="0"/>
                </a:lnTo>
                <a:lnTo>
                  <a:pt x="11684000" y="0"/>
                </a:lnTo>
                <a:lnTo>
                  <a:pt x="11684000" y="44196"/>
                </a:lnTo>
                <a:lnTo>
                  <a:pt x="11811000" y="39624"/>
                </a:lnTo>
                <a:close/>
              </a:path>
              <a:path w="13462000" h="650875">
                <a:moveTo>
                  <a:pt x="11938000" y="54864"/>
                </a:moveTo>
                <a:lnTo>
                  <a:pt x="11938000" y="37337"/>
                </a:lnTo>
                <a:lnTo>
                  <a:pt x="11811000" y="36576"/>
                </a:lnTo>
                <a:lnTo>
                  <a:pt x="11811000" y="55626"/>
                </a:lnTo>
                <a:lnTo>
                  <a:pt x="11938000" y="54864"/>
                </a:lnTo>
                <a:close/>
              </a:path>
              <a:path w="13462000" h="650875">
                <a:moveTo>
                  <a:pt x="12065000" y="0"/>
                </a:moveTo>
                <a:lnTo>
                  <a:pt x="11938000" y="0"/>
                </a:lnTo>
                <a:lnTo>
                  <a:pt x="11938000" y="12191"/>
                </a:lnTo>
                <a:lnTo>
                  <a:pt x="12065000" y="0"/>
                </a:lnTo>
                <a:close/>
              </a:path>
              <a:path w="13462000" h="650875">
                <a:moveTo>
                  <a:pt x="12319000" y="28193"/>
                </a:moveTo>
                <a:lnTo>
                  <a:pt x="12319000" y="0"/>
                </a:lnTo>
                <a:lnTo>
                  <a:pt x="12192000" y="0"/>
                </a:lnTo>
                <a:lnTo>
                  <a:pt x="12192000" y="29717"/>
                </a:lnTo>
                <a:lnTo>
                  <a:pt x="12319000" y="28193"/>
                </a:lnTo>
                <a:close/>
              </a:path>
              <a:path w="13462000" h="650875">
                <a:moveTo>
                  <a:pt x="12573000" y="37337"/>
                </a:moveTo>
                <a:lnTo>
                  <a:pt x="12573000" y="3809"/>
                </a:lnTo>
                <a:lnTo>
                  <a:pt x="12446000" y="0"/>
                </a:lnTo>
                <a:lnTo>
                  <a:pt x="12319000" y="0"/>
                </a:lnTo>
                <a:lnTo>
                  <a:pt x="12446000" y="27431"/>
                </a:lnTo>
                <a:lnTo>
                  <a:pt x="12446000" y="29717"/>
                </a:lnTo>
                <a:lnTo>
                  <a:pt x="12573000" y="37337"/>
                </a:lnTo>
                <a:close/>
              </a:path>
              <a:path w="13462000" h="650875">
                <a:moveTo>
                  <a:pt x="12954000" y="21335"/>
                </a:moveTo>
                <a:lnTo>
                  <a:pt x="12954000" y="0"/>
                </a:lnTo>
                <a:lnTo>
                  <a:pt x="12827000" y="0"/>
                </a:lnTo>
                <a:lnTo>
                  <a:pt x="12827000" y="15239"/>
                </a:lnTo>
                <a:lnTo>
                  <a:pt x="12954000" y="21335"/>
                </a:lnTo>
                <a:close/>
              </a:path>
              <a:path w="13462000" h="650875">
                <a:moveTo>
                  <a:pt x="13081000" y="57149"/>
                </a:moveTo>
                <a:lnTo>
                  <a:pt x="13081000" y="48005"/>
                </a:lnTo>
                <a:lnTo>
                  <a:pt x="12954000" y="45719"/>
                </a:lnTo>
                <a:lnTo>
                  <a:pt x="12954000" y="54101"/>
                </a:lnTo>
                <a:lnTo>
                  <a:pt x="13081000" y="57149"/>
                </a:lnTo>
                <a:close/>
              </a:path>
              <a:path w="13462000" h="650875">
                <a:moveTo>
                  <a:pt x="13208000" y="60197"/>
                </a:moveTo>
                <a:lnTo>
                  <a:pt x="13208000" y="53339"/>
                </a:lnTo>
                <a:lnTo>
                  <a:pt x="13081000" y="51815"/>
                </a:lnTo>
                <a:lnTo>
                  <a:pt x="13081000" y="59435"/>
                </a:lnTo>
                <a:lnTo>
                  <a:pt x="13208000" y="60197"/>
                </a:lnTo>
                <a:close/>
              </a:path>
              <a:path w="13462000" h="650875">
                <a:moveTo>
                  <a:pt x="13335000" y="57949"/>
                </a:moveTo>
                <a:lnTo>
                  <a:pt x="13335000" y="50063"/>
                </a:lnTo>
                <a:lnTo>
                  <a:pt x="13208000" y="51053"/>
                </a:lnTo>
                <a:lnTo>
                  <a:pt x="13208000" y="57859"/>
                </a:lnTo>
                <a:lnTo>
                  <a:pt x="13335000" y="57949"/>
                </a:lnTo>
                <a:close/>
              </a:path>
              <a:path w="13462000" h="650875">
                <a:moveTo>
                  <a:pt x="13462000" y="48005"/>
                </a:moveTo>
                <a:lnTo>
                  <a:pt x="13462000" y="40385"/>
                </a:lnTo>
                <a:lnTo>
                  <a:pt x="13335000" y="44195"/>
                </a:lnTo>
                <a:lnTo>
                  <a:pt x="13335000" y="57375"/>
                </a:lnTo>
                <a:lnTo>
                  <a:pt x="13462000" y="48005"/>
                </a:lnTo>
                <a:close/>
              </a:path>
            </a:pathLst>
          </a:custGeom>
          <a:solidFill>
            <a:srgbClr val="FF9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629770" y="3391796"/>
            <a:ext cx="7918824" cy="382868"/>
          </a:xfrm>
          <a:custGeom>
            <a:avLst/>
            <a:gdLst/>
            <a:ahLst/>
            <a:cxnLst/>
            <a:rect l="l" t="t" r="r" b="b"/>
            <a:pathLst>
              <a:path w="13462000" h="650875">
                <a:moveTo>
                  <a:pt x="127000" y="170401"/>
                </a:moveTo>
                <a:lnTo>
                  <a:pt x="127000" y="135636"/>
                </a:lnTo>
                <a:lnTo>
                  <a:pt x="0" y="121158"/>
                </a:lnTo>
                <a:lnTo>
                  <a:pt x="0" y="163801"/>
                </a:lnTo>
                <a:lnTo>
                  <a:pt x="127000" y="170401"/>
                </a:lnTo>
                <a:close/>
              </a:path>
              <a:path w="13462000" h="650875">
                <a:moveTo>
                  <a:pt x="127000" y="538734"/>
                </a:moveTo>
                <a:lnTo>
                  <a:pt x="127000" y="518922"/>
                </a:lnTo>
                <a:lnTo>
                  <a:pt x="0" y="521970"/>
                </a:lnTo>
                <a:lnTo>
                  <a:pt x="0" y="542544"/>
                </a:lnTo>
                <a:lnTo>
                  <a:pt x="127000" y="538734"/>
                </a:lnTo>
                <a:close/>
              </a:path>
              <a:path w="13462000" h="650875">
                <a:moveTo>
                  <a:pt x="381000" y="650748"/>
                </a:moveTo>
                <a:lnTo>
                  <a:pt x="254000" y="630174"/>
                </a:lnTo>
                <a:lnTo>
                  <a:pt x="254000" y="536448"/>
                </a:lnTo>
                <a:lnTo>
                  <a:pt x="127000" y="542544"/>
                </a:lnTo>
                <a:lnTo>
                  <a:pt x="127000" y="589026"/>
                </a:lnTo>
                <a:lnTo>
                  <a:pt x="0" y="573786"/>
                </a:lnTo>
                <a:lnTo>
                  <a:pt x="0" y="650748"/>
                </a:lnTo>
                <a:lnTo>
                  <a:pt x="381000" y="650748"/>
                </a:lnTo>
                <a:close/>
              </a:path>
              <a:path w="13462000" h="650875">
                <a:moveTo>
                  <a:pt x="254000" y="131826"/>
                </a:moveTo>
                <a:lnTo>
                  <a:pt x="254000" y="92202"/>
                </a:lnTo>
                <a:lnTo>
                  <a:pt x="127000" y="94488"/>
                </a:lnTo>
                <a:lnTo>
                  <a:pt x="127000" y="135636"/>
                </a:lnTo>
                <a:lnTo>
                  <a:pt x="254000" y="131826"/>
                </a:lnTo>
                <a:close/>
              </a:path>
              <a:path w="13462000" h="650875">
                <a:moveTo>
                  <a:pt x="381000" y="184404"/>
                </a:moveTo>
                <a:lnTo>
                  <a:pt x="381000" y="152400"/>
                </a:lnTo>
                <a:lnTo>
                  <a:pt x="254000" y="145542"/>
                </a:lnTo>
                <a:lnTo>
                  <a:pt x="254000" y="185928"/>
                </a:lnTo>
                <a:lnTo>
                  <a:pt x="381000" y="184404"/>
                </a:lnTo>
                <a:close/>
              </a:path>
              <a:path w="13462000" h="650875">
                <a:moveTo>
                  <a:pt x="508000" y="197358"/>
                </a:moveTo>
                <a:lnTo>
                  <a:pt x="508000" y="168402"/>
                </a:lnTo>
                <a:lnTo>
                  <a:pt x="381000" y="166116"/>
                </a:lnTo>
                <a:lnTo>
                  <a:pt x="381000" y="189738"/>
                </a:lnTo>
                <a:lnTo>
                  <a:pt x="508000" y="197358"/>
                </a:lnTo>
                <a:close/>
              </a:path>
              <a:path w="13462000" h="650875">
                <a:moveTo>
                  <a:pt x="635000" y="238506"/>
                </a:moveTo>
                <a:lnTo>
                  <a:pt x="635000" y="189102"/>
                </a:lnTo>
                <a:lnTo>
                  <a:pt x="508000" y="182594"/>
                </a:lnTo>
                <a:lnTo>
                  <a:pt x="508000" y="227076"/>
                </a:lnTo>
                <a:lnTo>
                  <a:pt x="635000" y="238506"/>
                </a:lnTo>
                <a:close/>
              </a:path>
              <a:path w="13462000" h="650875">
                <a:moveTo>
                  <a:pt x="762000" y="650748"/>
                </a:moveTo>
                <a:lnTo>
                  <a:pt x="762000" y="530352"/>
                </a:lnTo>
                <a:lnTo>
                  <a:pt x="635000" y="521208"/>
                </a:lnTo>
                <a:lnTo>
                  <a:pt x="635000" y="540258"/>
                </a:lnTo>
                <a:lnTo>
                  <a:pt x="508000" y="538734"/>
                </a:lnTo>
                <a:lnTo>
                  <a:pt x="508000" y="650748"/>
                </a:lnTo>
                <a:lnTo>
                  <a:pt x="762000" y="650748"/>
                </a:lnTo>
                <a:close/>
              </a:path>
              <a:path w="13462000" h="650875">
                <a:moveTo>
                  <a:pt x="762000" y="263652"/>
                </a:moveTo>
                <a:lnTo>
                  <a:pt x="762000" y="228600"/>
                </a:lnTo>
                <a:lnTo>
                  <a:pt x="635000" y="235458"/>
                </a:lnTo>
                <a:lnTo>
                  <a:pt x="635000" y="263652"/>
                </a:lnTo>
                <a:lnTo>
                  <a:pt x="762000" y="263652"/>
                </a:lnTo>
                <a:close/>
              </a:path>
              <a:path w="13462000" h="650875">
                <a:moveTo>
                  <a:pt x="889000" y="289560"/>
                </a:moveTo>
                <a:lnTo>
                  <a:pt x="889000" y="239268"/>
                </a:lnTo>
                <a:lnTo>
                  <a:pt x="762000" y="233934"/>
                </a:lnTo>
                <a:lnTo>
                  <a:pt x="762000" y="286512"/>
                </a:lnTo>
                <a:lnTo>
                  <a:pt x="889000" y="289560"/>
                </a:lnTo>
                <a:close/>
              </a:path>
              <a:path w="13462000" h="650875">
                <a:moveTo>
                  <a:pt x="1016000" y="280416"/>
                </a:moveTo>
                <a:lnTo>
                  <a:pt x="1016000" y="217170"/>
                </a:lnTo>
                <a:lnTo>
                  <a:pt x="889000" y="240792"/>
                </a:lnTo>
                <a:lnTo>
                  <a:pt x="889000" y="298704"/>
                </a:lnTo>
                <a:lnTo>
                  <a:pt x="1016000" y="280416"/>
                </a:lnTo>
                <a:close/>
              </a:path>
              <a:path w="13462000" h="650875">
                <a:moveTo>
                  <a:pt x="1143000" y="76962"/>
                </a:moveTo>
                <a:lnTo>
                  <a:pt x="1143000" y="39624"/>
                </a:lnTo>
                <a:lnTo>
                  <a:pt x="1016000" y="35052"/>
                </a:lnTo>
                <a:lnTo>
                  <a:pt x="1016000" y="79248"/>
                </a:lnTo>
                <a:lnTo>
                  <a:pt x="1143000" y="76962"/>
                </a:lnTo>
                <a:close/>
              </a:path>
              <a:path w="13462000" h="650875">
                <a:moveTo>
                  <a:pt x="1143000" y="249936"/>
                </a:moveTo>
                <a:lnTo>
                  <a:pt x="1143000" y="177546"/>
                </a:lnTo>
                <a:lnTo>
                  <a:pt x="1016000" y="172974"/>
                </a:lnTo>
                <a:lnTo>
                  <a:pt x="1016000" y="252222"/>
                </a:lnTo>
                <a:lnTo>
                  <a:pt x="1143000" y="249936"/>
                </a:lnTo>
                <a:close/>
              </a:path>
              <a:path w="13462000" h="650875">
                <a:moveTo>
                  <a:pt x="1270000" y="54102"/>
                </a:moveTo>
                <a:lnTo>
                  <a:pt x="1270000" y="3048"/>
                </a:lnTo>
                <a:lnTo>
                  <a:pt x="1143000" y="19812"/>
                </a:lnTo>
                <a:lnTo>
                  <a:pt x="1143000" y="57912"/>
                </a:lnTo>
                <a:lnTo>
                  <a:pt x="1270000" y="54102"/>
                </a:lnTo>
                <a:close/>
              </a:path>
              <a:path w="13462000" h="650875">
                <a:moveTo>
                  <a:pt x="1270000" y="263652"/>
                </a:moveTo>
                <a:lnTo>
                  <a:pt x="1270000" y="235458"/>
                </a:lnTo>
                <a:lnTo>
                  <a:pt x="1143000" y="240792"/>
                </a:lnTo>
                <a:lnTo>
                  <a:pt x="1143000" y="265938"/>
                </a:lnTo>
                <a:lnTo>
                  <a:pt x="1270000" y="263652"/>
                </a:lnTo>
                <a:close/>
              </a:path>
              <a:path w="13462000" h="650875">
                <a:moveTo>
                  <a:pt x="1651000" y="54102"/>
                </a:moveTo>
                <a:lnTo>
                  <a:pt x="1651000" y="0"/>
                </a:lnTo>
                <a:lnTo>
                  <a:pt x="1270000" y="0"/>
                </a:lnTo>
                <a:lnTo>
                  <a:pt x="1270000" y="33528"/>
                </a:lnTo>
                <a:lnTo>
                  <a:pt x="1397000" y="28194"/>
                </a:lnTo>
                <a:lnTo>
                  <a:pt x="1397000" y="30480"/>
                </a:lnTo>
                <a:lnTo>
                  <a:pt x="1524000" y="32766"/>
                </a:lnTo>
                <a:lnTo>
                  <a:pt x="1524000" y="53340"/>
                </a:lnTo>
                <a:lnTo>
                  <a:pt x="1651000" y="54102"/>
                </a:lnTo>
                <a:close/>
              </a:path>
              <a:path w="13462000" h="650875">
                <a:moveTo>
                  <a:pt x="1397000" y="334518"/>
                </a:moveTo>
                <a:lnTo>
                  <a:pt x="1397000" y="233934"/>
                </a:lnTo>
                <a:lnTo>
                  <a:pt x="1270000" y="239268"/>
                </a:lnTo>
                <a:lnTo>
                  <a:pt x="1270000" y="325374"/>
                </a:lnTo>
                <a:lnTo>
                  <a:pt x="1397000" y="334518"/>
                </a:lnTo>
                <a:close/>
              </a:path>
              <a:path w="13462000" h="650875">
                <a:moveTo>
                  <a:pt x="1524000" y="268224"/>
                </a:moveTo>
                <a:lnTo>
                  <a:pt x="1524000" y="220218"/>
                </a:lnTo>
                <a:lnTo>
                  <a:pt x="1397000" y="201930"/>
                </a:lnTo>
                <a:lnTo>
                  <a:pt x="1397000" y="272796"/>
                </a:lnTo>
                <a:lnTo>
                  <a:pt x="1524000" y="268224"/>
                </a:lnTo>
                <a:close/>
              </a:path>
              <a:path w="13462000" h="650875">
                <a:moveTo>
                  <a:pt x="1651000" y="311658"/>
                </a:moveTo>
                <a:lnTo>
                  <a:pt x="1651000" y="222504"/>
                </a:lnTo>
                <a:lnTo>
                  <a:pt x="1524000" y="230886"/>
                </a:lnTo>
                <a:lnTo>
                  <a:pt x="1524000" y="305562"/>
                </a:lnTo>
                <a:lnTo>
                  <a:pt x="1651000" y="311658"/>
                </a:lnTo>
                <a:close/>
              </a:path>
              <a:path w="13462000" h="650875">
                <a:moveTo>
                  <a:pt x="1778000" y="76962"/>
                </a:moveTo>
                <a:lnTo>
                  <a:pt x="1778000" y="38862"/>
                </a:lnTo>
                <a:lnTo>
                  <a:pt x="1651000" y="35052"/>
                </a:lnTo>
                <a:lnTo>
                  <a:pt x="1651000" y="74676"/>
                </a:lnTo>
                <a:lnTo>
                  <a:pt x="1778000" y="76962"/>
                </a:lnTo>
                <a:close/>
              </a:path>
              <a:path w="13462000" h="650875">
                <a:moveTo>
                  <a:pt x="1778000" y="204978"/>
                </a:moveTo>
                <a:lnTo>
                  <a:pt x="1778000" y="150876"/>
                </a:lnTo>
                <a:lnTo>
                  <a:pt x="1651000" y="145542"/>
                </a:lnTo>
                <a:lnTo>
                  <a:pt x="1651000" y="189738"/>
                </a:lnTo>
                <a:lnTo>
                  <a:pt x="1778000" y="204978"/>
                </a:lnTo>
                <a:close/>
              </a:path>
              <a:path w="13462000" h="650875">
                <a:moveTo>
                  <a:pt x="1778000" y="352806"/>
                </a:moveTo>
                <a:lnTo>
                  <a:pt x="1778000" y="262890"/>
                </a:lnTo>
                <a:lnTo>
                  <a:pt x="1651000" y="271272"/>
                </a:lnTo>
                <a:lnTo>
                  <a:pt x="1651000" y="330708"/>
                </a:lnTo>
                <a:lnTo>
                  <a:pt x="1778000" y="352806"/>
                </a:lnTo>
                <a:close/>
              </a:path>
              <a:path w="13462000" h="650875">
                <a:moveTo>
                  <a:pt x="1905000" y="56388"/>
                </a:moveTo>
                <a:lnTo>
                  <a:pt x="1905000" y="27432"/>
                </a:lnTo>
                <a:lnTo>
                  <a:pt x="1778000" y="25146"/>
                </a:lnTo>
                <a:lnTo>
                  <a:pt x="1778000" y="47244"/>
                </a:lnTo>
                <a:lnTo>
                  <a:pt x="1905000" y="56388"/>
                </a:lnTo>
                <a:close/>
              </a:path>
              <a:path w="13462000" h="650875">
                <a:moveTo>
                  <a:pt x="1905000" y="189738"/>
                </a:moveTo>
                <a:lnTo>
                  <a:pt x="1905000" y="161854"/>
                </a:lnTo>
                <a:lnTo>
                  <a:pt x="1778000" y="164247"/>
                </a:lnTo>
                <a:lnTo>
                  <a:pt x="1778000" y="190500"/>
                </a:lnTo>
                <a:lnTo>
                  <a:pt x="1905000" y="189738"/>
                </a:lnTo>
                <a:close/>
              </a:path>
              <a:path w="13462000" h="650875">
                <a:moveTo>
                  <a:pt x="2032000" y="67056"/>
                </a:moveTo>
                <a:lnTo>
                  <a:pt x="2032000" y="39368"/>
                </a:lnTo>
                <a:lnTo>
                  <a:pt x="1905000" y="38165"/>
                </a:lnTo>
                <a:lnTo>
                  <a:pt x="1905000" y="62484"/>
                </a:lnTo>
                <a:lnTo>
                  <a:pt x="2032000" y="67056"/>
                </a:lnTo>
                <a:close/>
              </a:path>
              <a:path w="13462000" h="650875">
                <a:moveTo>
                  <a:pt x="2032000" y="229362"/>
                </a:moveTo>
                <a:lnTo>
                  <a:pt x="2032000" y="172212"/>
                </a:lnTo>
                <a:lnTo>
                  <a:pt x="1905000" y="172571"/>
                </a:lnTo>
                <a:lnTo>
                  <a:pt x="1905000" y="222504"/>
                </a:lnTo>
                <a:lnTo>
                  <a:pt x="2032000" y="229362"/>
                </a:lnTo>
                <a:close/>
              </a:path>
              <a:path w="13462000" h="650875">
                <a:moveTo>
                  <a:pt x="2286000" y="57912"/>
                </a:moveTo>
                <a:lnTo>
                  <a:pt x="2286000" y="20574"/>
                </a:lnTo>
                <a:lnTo>
                  <a:pt x="2159000" y="0"/>
                </a:lnTo>
                <a:lnTo>
                  <a:pt x="2032000" y="0"/>
                </a:lnTo>
                <a:lnTo>
                  <a:pt x="2032000" y="61722"/>
                </a:lnTo>
                <a:lnTo>
                  <a:pt x="2159000" y="59436"/>
                </a:lnTo>
                <a:lnTo>
                  <a:pt x="2159000" y="56388"/>
                </a:lnTo>
                <a:lnTo>
                  <a:pt x="2286000" y="57912"/>
                </a:lnTo>
                <a:close/>
              </a:path>
              <a:path w="13462000" h="650875">
                <a:moveTo>
                  <a:pt x="2159000" y="234696"/>
                </a:moveTo>
                <a:lnTo>
                  <a:pt x="2159000" y="166189"/>
                </a:lnTo>
                <a:lnTo>
                  <a:pt x="2032000" y="163068"/>
                </a:lnTo>
                <a:lnTo>
                  <a:pt x="2032000" y="233934"/>
                </a:lnTo>
                <a:lnTo>
                  <a:pt x="2159000" y="234696"/>
                </a:lnTo>
                <a:close/>
              </a:path>
              <a:path w="13462000" h="650875">
                <a:moveTo>
                  <a:pt x="2286000" y="235458"/>
                </a:moveTo>
                <a:lnTo>
                  <a:pt x="2286000" y="170688"/>
                </a:lnTo>
                <a:lnTo>
                  <a:pt x="2159000" y="169164"/>
                </a:lnTo>
                <a:lnTo>
                  <a:pt x="2159000" y="217170"/>
                </a:lnTo>
                <a:lnTo>
                  <a:pt x="2286000" y="235458"/>
                </a:lnTo>
                <a:close/>
              </a:path>
              <a:path w="13462000" h="650875">
                <a:moveTo>
                  <a:pt x="2413000" y="6858"/>
                </a:moveTo>
                <a:lnTo>
                  <a:pt x="2413000" y="0"/>
                </a:lnTo>
                <a:lnTo>
                  <a:pt x="2286000" y="0"/>
                </a:lnTo>
                <a:lnTo>
                  <a:pt x="2413000" y="6858"/>
                </a:lnTo>
                <a:close/>
              </a:path>
              <a:path w="13462000" h="650875">
                <a:moveTo>
                  <a:pt x="2413000" y="211836"/>
                </a:moveTo>
                <a:lnTo>
                  <a:pt x="2413000" y="171430"/>
                </a:lnTo>
                <a:lnTo>
                  <a:pt x="2286000" y="171716"/>
                </a:lnTo>
                <a:lnTo>
                  <a:pt x="2286000" y="217170"/>
                </a:lnTo>
                <a:lnTo>
                  <a:pt x="2413000" y="211836"/>
                </a:lnTo>
                <a:close/>
              </a:path>
              <a:path w="13462000" h="650875">
                <a:moveTo>
                  <a:pt x="2540000" y="236982"/>
                </a:moveTo>
                <a:lnTo>
                  <a:pt x="2540000" y="182880"/>
                </a:lnTo>
                <a:lnTo>
                  <a:pt x="2413000" y="174498"/>
                </a:lnTo>
                <a:lnTo>
                  <a:pt x="2413000" y="217170"/>
                </a:lnTo>
                <a:lnTo>
                  <a:pt x="2540000" y="236982"/>
                </a:lnTo>
                <a:close/>
              </a:path>
              <a:path w="13462000" h="650875">
                <a:moveTo>
                  <a:pt x="2667000" y="198882"/>
                </a:moveTo>
                <a:lnTo>
                  <a:pt x="2667000" y="172974"/>
                </a:lnTo>
                <a:lnTo>
                  <a:pt x="2540000" y="175260"/>
                </a:lnTo>
                <a:lnTo>
                  <a:pt x="2540000" y="204216"/>
                </a:lnTo>
                <a:lnTo>
                  <a:pt x="2667000" y="198882"/>
                </a:lnTo>
                <a:close/>
              </a:path>
              <a:path w="13462000" h="650875">
                <a:moveTo>
                  <a:pt x="2794000" y="246888"/>
                </a:moveTo>
                <a:lnTo>
                  <a:pt x="2794000" y="192786"/>
                </a:lnTo>
                <a:lnTo>
                  <a:pt x="2667000" y="201930"/>
                </a:lnTo>
                <a:lnTo>
                  <a:pt x="2667000" y="255270"/>
                </a:lnTo>
                <a:lnTo>
                  <a:pt x="2794000" y="246888"/>
                </a:lnTo>
                <a:close/>
              </a:path>
              <a:path w="13462000" h="650875">
                <a:moveTo>
                  <a:pt x="2921000" y="240792"/>
                </a:moveTo>
                <a:lnTo>
                  <a:pt x="2921000" y="189738"/>
                </a:lnTo>
                <a:lnTo>
                  <a:pt x="2794000" y="193548"/>
                </a:lnTo>
                <a:lnTo>
                  <a:pt x="2794000" y="243840"/>
                </a:lnTo>
                <a:lnTo>
                  <a:pt x="2921000" y="240792"/>
                </a:lnTo>
                <a:close/>
              </a:path>
              <a:path w="13462000" h="650875">
                <a:moveTo>
                  <a:pt x="3048000" y="0"/>
                </a:moveTo>
                <a:lnTo>
                  <a:pt x="2921000" y="0"/>
                </a:lnTo>
                <a:lnTo>
                  <a:pt x="2921000" y="17526"/>
                </a:lnTo>
                <a:lnTo>
                  <a:pt x="3048000" y="0"/>
                </a:lnTo>
                <a:close/>
              </a:path>
              <a:path w="13462000" h="650875">
                <a:moveTo>
                  <a:pt x="3048000" y="195834"/>
                </a:moveTo>
                <a:lnTo>
                  <a:pt x="3048000" y="171450"/>
                </a:lnTo>
                <a:lnTo>
                  <a:pt x="2921000" y="167640"/>
                </a:lnTo>
                <a:lnTo>
                  <a:pt x="2921000" y="195072"/>
                </a:lnTo>
                <a:lnTo>
                  <a:pt x="3048000" y="195834"/>
                </a:lnTo>
                <a:close/>
              </a:path>
              <a:path w="13462000" h="650875">
                <a:moveTo>
                  <a:pt x="3048000" y="650748"/>
                </a:moveTo>
                <a:lnTo>
                  <a:pt x="3048000" y="569976"/>
                </a:lnTo>
                <a:lnTo>
                  <a:pt x="2921000" y="591312"/>
                </a:lnTo>
                <a:lnTo>
                  <a:pt x="2921000" y="650748"/>
                </a:lnTo>
                <a:lnTo>
                  <a:pt x="3048000" y="650748"/>
                </a:lnTo>
                <a:close/>
              </a:path>
              <a:path w="13462000" h="650875">
                <a:moveTo>
                  <a:pt x="3175000" y="45279"/>
                </a:moveTo>
                <a:lnTo>
                  <a:pt x="3175000" y="11430"/>
                </a:lnTo>
                <a:lnTo>
                  <a:pt x="3048000" y="20574"/>
                </a:lnTo>
                <a:lnTo>
                  <a:pt x="3048000" y="48637"/>
                </a:lnTo>
                <a:lnTo>
                  <a:pt x="3175000" y="45279"/>
                </a:lnTo>
                <a:close/>
              </a:path>
              <a:path w="13462000" h="650875">
                <a:moveTo>
                  <a:pt x="3175000" y="218694"/>
                </a:moveTo>
                <a:lnTo>
                  <a:pt x="3175000" y="168840"/>
                </a:lnTo>
                <a:lnTo>
                  <a:pt x="3048000" y="170407"/>
                </a:lnTo>
                <a:lnTo>
                  <a:pt x="3048000" y="231648"/>
                </a:lnTo>
                <a:lnTo>
                  <a:pt x="3175000" y="218694"/>
                </a:lnTo>
                <a:close/>
              </a:path>
              <a:path w="13462000" h="650875">
                <a:moveTo>
                  <a:pt x="3175000" y="515112"/>
                </a:moveTo>
                <a:lnTo>
                  <a:pt x="3175000" y="478536"/>
                </a:lnTo>
                <a:lnTo>
                  <a:pt x="3048000" y="476250"/>
                </a:lnTo>
                <a:lnTo>
                  <a:pt x="3048000" y="511302"/>
                </a:lnTo>
                <a:lnTo>
                  <a:pt x="3175000" y="515112"/>
                </a:lnTo>
                <a:close/>
              </a:path>
              <a:path w="13462000" h="650875">
                <a:moveTo>
                  <a:pt x="3302000" y="203454"/>
                </a:moveTo>
                <a:lnTo>
                  <a:pt x="3302000" y="172212"/>
                </a:lnTo>
                <a:lnTo>
                  <a:pt x="3175000" y="176022"/>
                </a:lnTo>
                <a:lnTo>
                  <a:pt x="3175000" y="214122"/>
                </a:lnTo>
                <a:lnTo>
                  <a:pt x="3302000" y="203454"/>
                </a:lnTo>
                <a:close/>
              </a:path>
              <a:path w="13462000" h="650875">
                <a:moveTo>
                  <a:pt x="3302000" y="440436"/>
                </a:moveTo>
                <a:lnTo>
                  <a:pt x="3302000" y="432816"/>
                </a:lnTo>
                <a:lnTo>
                  <a:pt x="3175000" y="434340"/>
                </a:lnTo>
                <a:lnTo>
                  <a:pt x="3302000" y="440436"/>
                </a:lnTo>
                <a:close/>
              </a:path>
              <a:path w="13462000" h="650875">
                <a:moveTo>
                  <a:pt x="3429000" y="0"/>
                </a:moveTo>
                <a:lnTo>
                  <a:pt x="3302000" y="0"/>
                </a:lnTo>
                <a:lnTo>
                  <a:pt x="3302000" y="27432"/>
                </a:lnTo>
                <a:lnTo>
                  <a:pt x="3429000" y="0"/>
                </a:lnTo>
                <a:close/>
              </a:path>
              <a:path w="13462000" h="650875">
                <a:moveTo>
                  <a:pt x="3429000" y="217170"/>
                </a:moveTo>
                <a:lnTo>
                  <a:pt x="3429000" y="159258"/>
                </a:lnTo>
                <a:lnTo>
                  <a:pt x="3302000" y="160020"/>
                </a:lnTo>
                <a:lnTo>
                  <a:pt x="3302000" y="240030"/>
                </a:lnTo>
                <a:lnTo>
                  <a:pt x="3429000" y="217170"/>
                </a:lnTo>
                <a:close/>
              </a:path>
              <a:path w="13462000" h="650875">
                <a:moveTo>
                  <a:pt x="3429000" y="650748"/>
                </a:moveTo>
                <a:lnTo>
                  <a:pt x="3429000" y="470154"/>
                </a:lnTo>
                <a:lnTo>
                  <a:pt x="3302000" y="478536"/>
                </a:lnTo>
                <a:lnTo>
                  <a:pt x="3302000" y="650748"/>
                </a:lnTo>
                <a:lnTo>
                  <a:pt x="3429000" y="650748"/>
                </a:lnTo>
                <a:close/>
              </a:path>
              <a:path w="13462000" h="650875">
                <a:moveTo>
                  <a:pt x="3683000" y="27432"/>
                </a:moveTo>
                <a:lnTo>
                  <a:pt x="3683000" y="0"/>
                </a:lnTo>
                <a:lnTo>
                  <a:pt x="3429000" y="0"/>
                </a:lnTo>
                <a:lnTo>
                  <a:pt x="3429000" y="27432"/>
                </a:lnTo>
                <a:lnTo>
                  <a:pt x="3556000" y="51816"/>
                </a:lnTo>
                <a:lnTo>
                  <a:pt x="3556000" y="22098"/>
                </a:lnTo>
                <a:lnTo>
                  <a:pt x="3683000" y="27432"/>
                </a:lnTo>
                <a:close/>
              </a:path>
              <a:path w="13462000" h="650875">
                <a:moveTo>
                  <a:pt x="3556000" y="256794"/>
                </a:moveTo>
                <a:lnTo>
                  <a:pt x="3556000" y="175260"/>
                </a:lnTo>
                <a:lnTo>
                  <a:pt x="3429000" y="175260"/>
                </a:lnTo>
                <a:lnTo>
                  <a:pt x="3429000" y="246126"/>
                </a:lnTo>
                <a:lnTo>
                  <a:pt x="3556000" y="256794"/>
                </a:lnTo>
                <a:close/>
              </a:path>
              <a:path w="13462000" h="650875">
                <a:moveTo>
                  <a:pt x="3556000" y="481952"/>
                </a:moveTo>
                <a:lnTo>
                  <a:pt x="3556000" y="382358"/>
                </a:lnTo>
                <a:lnTo>
                  <a:pt x="3429000" y="389283"/>
                </a:lnTo>
                <a:lnTo>
                  <a:pt x="3429000" y="480771"/>
                </a:lnTo>
                <a:lnTo>
                  <a:pt x="3556000" y="481952"/>
                </a:lnTo>
                <a:close/>
              </a:path>
              <a:path w="13462000" h="650875">
                <a:moveTo>
                  <a:pt x="3810000" y="240792"/>
                </a:moveTo>
                <a:lnTo>
                  <a:pt x="3810000" y="173736"/>
                </a:lnTo>
                <a:lnTo>
                  <a:pt x="3683000" y="174498"/>
                </a:lnTo>
                <a:lnTo>
                  <a:pt x="3556000" y="173736"/>
                </a:lnTo>
                <a:lnTo>
                  <a:pt x="3556000" y="208788"/>
                </a:lnTo>
                <a:lnTo>
                  <a:pt x="3683000" y="204216"/>
                </a:lnTo>
                <a:lnTo>
                  <a:pt x="3683000" y="229362"/>
                </a:lnTo>
                <a:lnTo>
                  <a:pt x="3810000" y="240792"/>
                </a:lnTo>
                <a:close/>
              </a:path>
              <a:path w="13462000" h="650875">
                <a:moveTo>
                  <a:pt x="3683000" y="399288"/>
                </a:moveTo>
                <a:lnTo>
                  <a:pt x="3683000" y="298704"/>
                </a:lnTo>
                <a:lnTo>
                  <a:pt x="3556000" y="278130"/>
                </a:lnTo>
                <a:lnTo>
                  <a:pt x="3556000" y="392430"/>
                </a:lnTo>
                <a:lnTo>
                  <a:pt x="3683000" y="399288"/>
                </a:lnTo>
                <a:close/>
              </a:path>
              <a:path w="13462000" h="650875">
                <a:moveTo>
                  <a:pt x="3683000" y="650748"/>
                </a:moveTo>
                <a:lnTo>
                  <a:pt x="3683000" y="477774"/>
                </a:lnTo>
                <a:lnTo>
                  <a:pt x="3556000" y="483870"/>
                </a:lnTo>
                <a:lnTo>
                  <a:pt x="3556000" y="650748"/>
                </a:lnTo>
                <a:lnTo>
                  <a:pt x="3683000" y="650748"/>
                </a:lnTo>
                <a:close/>
              </a:path>
              <a:path w="13462000" h="650875">
                <a:moveTo>
                  <a:pt x="4191000" y="66294"/>
                </a:moveTo>
                <a:lnTo>
                  <a:pt x="4191000" y="38100"/>
                </a:lnTo>
                <a:lnTo>
                  <a:pt x="4064000" y="43434"/>
                </a:lnTo>
                <a:lnTo>
                  <a:pt x="4064000" y="9906"/>
                </a:lnTo>
                <a:lnTo>
                  <a:pt x="3937000" y="0"/>
                </a:lnTo>
                <a:lnTo>
                  <a:pt x="3810000" y="0"/>
                </a:lnTo>
                <a:lnTo>
                  <a:pt x="3683000" y="14478"/>
                </a:lnTo>
                <a:lnTo>
                  <a:pt x="3683000" y="52578"/>
                </a:lnTo>
                <a:lnTo>
                  <a:pt x="3810000" y="53340"/>
                </a:lnTo>
                <a:lnTo>
                  <a:pt x="3810000" y="64718"/>
                </a:lnTo>
                <a:lnTo>
                  <a:pt x="3937000" y="67010"/>
                </a:lnTo>
                <a:lnTo>
                  <a:pt x="3937000" y="60198"/>
                </a:lnTo>
                <a:lnTo>
                  <a:pt x="4064000" y="68580"/>
                </a:lnTo>
                <a:lnTo>
                  <a:pt x="4191000" y="66294"/>
                </a:lnTo>
                <a:close/>
              </a:path>
              <a:path w="13462000" h="650875">
                <a:moveTo>
                  <a:pt x="3810000" y="381002"/>
                </a:moveTo>
                <a:lnTo>
                  <a:pt x="3810000" y="312420"/>
                </a:lnTo>
                <a:lnTo>
                  <a:pt x="3683000" y="323088"/>
                </a:lnTo>
                <a:lnTo>
                  <a:pt x="3683000" y="385399"/>
                </a:lnTo>
                <a:lnTo>
                  <a:pt x="3810000" y="381002"/>
                </a:lnTo>
                <a:close/>
              </a:path>
              <a:path w="13462000" h="650875">
                <a:moveTo>
                  <a:pt x="3810000" y="531114"/>
                </a:moveTo>
                <a:lnTo>
                  <a:pt x="3810000" y="488442"/>
                </a:lnTo>
                <a:lnTo>
                  <a:pt x="3683000" y="480060"/>
                </a:lnTo>
                <a:lnTo>
                  <a:pt x="3683000" y="525018"/>
                </a:lnTo>
                <a:lnTo>
                  <a:pt x="3810000" y="531114"/>
                </a:lnTo>
                <a:close/>
              </a:path>
              <a:path w="13462000" h="650875">
                <a:moveTo>
                  <a:pt x="3937000" y="188976"/>
                </a:moveTo>
                <a:lnTo>
                  <a:pt x="3937000" y="147828"/>
                </a:lnTo>
                <a:lnTo>
                  <a:pt x="3810000" y="149352"/>
                </a:lnTo>
                <a:lnTo>
                  <a:pt x="3810000" y="182880"/>
                </a:lnTo>
                <a:lnTo>
                  <a:pt x="3937000" y="188976"/>
                </a:lnTo>
                <a:close/>
              </a:path>
              <a:path w="13462000" h="650875">
                <a:moveTo>
                  <a:pt x="3937000" y="417576"/>
                </a:moveTo>
                <a:lnTo>
                  <a:pt x="3937000" y="377885"/>
                </a:lnTo>
                <a:lnTo>
                  <a:pt x="3810000" y="377953"/>
                </a:lnTo>
                <a:lnTo>
                  <a:pt x="3810000" y="416814"/>
                </a:lnTo>
                <a:lnTo>
                  <a:pt x="3937000" y="417576"/>
                </a:lnTo>
                <a:close/>
              </a:path>
              <a:path w="13462000" h="650875">
                <a:moveTo>
                  <a:pt x="3937000" y="650748"/>
                </a:moveTo>
                <a:lnTo>
                  <a:pt x="3937000" y="467868"/>
                </a:lnTo>
                <a:lnTo>
                  <a:pt x="3810000" y="471678"/>
                </a:lnTo>
                <a:lnTo>
                  <a:pt x="3810000" y="650748"/>
                </a:lnTo>
                <a:lnTo>
                  <a:pt x="3937000" y="650748"/>
                </a:lnTo>
                <a:close/>
              </a:path>
              <a:path w="13462000" h="650875">
                <a:moveTo>
                  <a:pt x="4064000" y="167640"/>
                </a:moveTo>
                <a:lnTo>
                  <a:pt x="4064000" y="135636"/>
                </a:lnTo>
                <a:lnTo>
                  <a:pt x="3937000" y="139446"/>
                </a:lnTo>
                <a:lnTo>
                  <a:pt x="3937000" y="169164"/>
                </a:lnTo>
                <a:lnTo>
                  <a:pt x="4064000" y="167640"/>
                </a:lnTo>
                <a:close/>
              </a:path>
              <a:path w="13462000" h="650875">
                <a:moveTo>
                  <a:pt x="4064000" y="426720"/>
                </a:moveTo>
                <a:lnTo>
                  <a:pt x="4064000" y="369570"/>
                </a:lnTo>
                <a:lnTo>
                  <a:pt x="3937000" y="371856"/>
                </a:lnTo>
                <a:lnTo>
                  <a:pt x="3937000" y="407670"/>
                </a:lnTo>
                <a:lnTo>
                  <a:pt x="4064000" y="426720"/>
                </a:lnTo>
                <a:close/>
              </a:path>
              <a:path w="13462000" h="650875">
                <a:moveTo>
                  <a:pt x="4064000" y="490337"/>
                </a:moveTo>
                <a:lnTo>
                  <a:pt x="4064000" y="438912"/>
                </a:lnTo>
                <a:lnTo>
                  <a:pt x="3937000" y="451104"/>
                </a:lnTo>
                <a:lnTo>
                  <a:pt x="3937000" y="494407"/>
                </a:lnTo>
                <a:lnTo>
                  <a:pt x="4064000" y="490337"/>
                </a:lnTo>
                <a:close/>
              </a:path>
              <a:path w="13462000" h="650875">
                <a:moveTo>
                  <a:pt x="4191000" y="171450"/>
                </a:moveTo>
                <a:lnTo>
                  <a:pt x="4191000" y="145542"/>
                </a:lnTo>
                <a:lnTo>
                  <a:pt x="4064000" y="144780"/>
                </a:lnTo>
                <a:lnTo>
                  <a:pt x="4064000" y="170688"/>
                </a:lnTo>
                <a:lnTo>
                  <a:pt x="4191000" y="171450"/>
                </a:lnTo>
                <a:close/>
              </a:path>
              <a:path w="13462000" h="650875">
                <a:moveTo>
                  <a:pt x="4191000" y="451866"/>
                </a:moveTo>
                <a:lnTo>
                  <a:pt x="4191000" y="403860"/>
                </a:lnTo>
                <a:lnTo>
                  <a:pt x="4064000" y="404622"/>
                </a:lnTo>
                <a:lnTo>
                  <a:pt x="4064000" y="447294"/>
                </a:lnTo>
                <a:lnTo>
                  <a:pt x="4191000" y="451866"/>
                </a:lnTo>
                <a:close/>
              </a:path>
              <a:path w="13462000" h="650875">
                <a:moveTo>
                  <a:pt x="4318000" y="157734"/>
                </a:moveTo>
                <a:lnTo>
                  <a:pt x="4318000" y="0"/>
                </a:lnTo>
                <a:lnTo>
                  <a:pt x="4191000" y="22860"/>
                </a:lnTo>
                <a:lnTo>
                  <a:pt x="4191000" y="163068"/>
                </a:lnTo>
                <a:lnTo>
                  <a:pt x="4318000" y="157734"/>
                </a:lnTo>
                <a:close/>
              </a:path>
              <a:path w="13462000" h="650875">
                <a:moveTo>
                  <a:pt x="4318000" y="400050"/>
                </a:moveTo>
                <a:lnTo>
                  <a:pt x="4318000" y="360426"/>
                </a:lnTo>
                <a:lnTo>
                  <a:pt x="4191000" y="355854"/>
                </a:lnTo>
                <a:lnTo>
                  <a:pt x="4191000" y="393954"/>
                </a:lnTo>
                <a:lnTo>
                  <a:pt x="4318000" y="400050"/>
                </a:lnTo>
                <a:close/>
              </a:path>
              <a:path w="13462000" h="650875">
                <a:moveTo>
                  <a:pt x="4318000" y="490728"/>
                </a:moveTo>
                <a:lnTo>
                  <a:pt x="4318000" y="461772"/>
                </a:lnTo>
                <a:lnTo>
                  <a:pt x="4191000" y="464058"/>
                </a:lnTo>
                <a:lnTo>
                  <a:pt x="4191000" y="490728"/>
                </a:lnTo>
                <a:lnTo>
                  <a:pt x="4318000" y="490728"/>
                </a:lnTo>
                <a:close/>
              </a:path>
              <a:path w="13462000" h="650875">
                <a:moveTo>
                  <a:pt x="4445000" y="85344"/>
                </a:moveTo>
                <a:lnTo>
                  <a:pt x="4445000" y="49530"/>
                </a:lnTo>
                <a:lnTo>
                  <a:pt x="4318000" y="45720"/>
                </a:lnTo>
                <a:lnTo>
                  <a:pt x="4318000" y="104394"/>
                </a:lnTo>
                <a:lnTo>
                  <a:pt x="4445000" y="85344"/>
                </a:lnTo>
                <a:close/>
              </a:path>
              <a:path w="13462000" h="650875">
                <a:moveTo>
                  <a:pt x="4445000" y="169164"/>
                </a:moveTo>
                <a:lnTo>
                  <a:pt x="4445000" y="131064"/>
                </a:lnTo>
                <a:lnTo>
                  <a:pt x="4318000" y="112776"/>
                </a:lnTo>
                <a:lnTo>
                  <a:pt x="4318000" y="166116"/>
                </a:lnTo>
                <a:lnTo>
                  <a:pt x="4445000" y="169164"/>
                </a:lnTo>
                <a:close/>
              </a:path>
              <a:path w="13462000" h="650875">
                <a:moveTo>
                  <a:pt x="4445000" y="403098"/>
                </a:moveTo>
                <a:lnTo>
                  <a:pt x="4445000" y="294132"/>
                </a:lnTo>
                <a:lnTo>
                  <a:pt x="4318000" y="284226"/>
                </a:lnTo>
                <a:lnTo>
                  <a:pt x="4318000" y="401574"/>
                </a:lnTo>
                <a:lnTo>
                  <a:pt x="4445000" y="403098"/>
                </a:lnTo>
                <a:close/>
              </a:path>
              <a:path w="13462000" h="650875">
                <a:moveTo>
                  <a:pt x="4445000" y="472440"/>
                </a:moveTo>
                <a:lnTo>
                  <a:pt x="4445000" y="437388"/>
                </a:lnTo>
                <a:lnTo>
                  <a:pt x="4318000" y="440436"/>
                </a:lnTo>
                <a:lnTo>
                  <a:pt x="4318000" y="471549"/>
                </a:lnTo>
                <a:lnTo>
                  <a:pt x="4445000" y="472440"/>
                </a:lnTo>
                <a:close/>
              </a:path>
              <a:path w="13462000" h="650875">
                <a:moveTo>
                  <a:pt x="4572000" y="108966"/>
                </a:moveTo>
                <a:lnTo>
                  <a:pt x="4572000" y="43172"/>
                </a:lnTo>
                <a:lnTo>
                  <a:pt x="4445000" y="27432"/>
                </a:lnTo>
                <a:lnTo>
                  <a:pt x="4445000" y="84582"/>
                </a:lnTo>
                <a:lnTo>
                  <a:pt x="4572000" y="108966"/>
                </a:lnTo>
                <a:close/>
              </a:path>
              <a:path w="13462000" h="650875">
                <a:moveTo>
                  <a:pt x="4572000" y="189738"/>
                </a:moveTo>
                <a:lnTo>
                  <a:pt x="4572000" y="108966"/>
                </a:lnTo>
                <a:lnTo>
                  <a:pt x="4445000" y="134112"/>
                </a:lnTo>
                <a:lnTo>
                  <a:pt x="4445000" y="195072"/>
                </a:lnTo>
                <a:lnTo>
                  <a:pt x="4572000" y="189738"/>
                </a:lnTo>
                <a:close/>
              </a:path>
              <a:path w="13462000" h="650875">
                <a:moveTo>
                  <a:pt x="4572000" y="371940"/>
                </a:moveTo>
                <a:lnTo>
                  <a:pt x="4572000" y="291846"/>
                </a:lnTo>
                <a:lnTo>
                  <a:pt x="4445000" y="294894"/>
                </a:lnTo>
                <a:lnTo>
                  <a:pt x="4445000" y="368808"/>
                </a:lnTo>
                <a:lnTo>
                  <a:pt x="4572000" y="371940"/>
                </a:lnTo>
                <a:close/>
              </a:path>
              <a:path w="13462000" h="650875">
                <a:moveTo>
                  <a:pt x="4572000" y="491272"/>
                </a:moveTo>
                <a:lnTo>
                  <a:pt x="4572000" y="463296"/>
                </a:lnTo>
                <a:lnTo>
                  <a:pt x="4445000" y="467868"/>
                </a:lnTo>
                <a:lnTo>
                  <a:pt x="4445000" y="493750"/>
                </a:lnTo>
                <a:lnTo>
                  <a:pt x="4572000" y="491272"/>
                </a:lnTo>
                <a:close/>
              </a:path>
              <a:path w="13462000" h="650875">
                <a:moveTo>
                  <a:pt x="4699000" y="74676"/>
                </a:moveTo>
                <a:lnTo>
                  <a:pt x="4699000" y="42663"/>
                </a:lnTo>
                <a:lnTo>
                  <a:pt x="4572000" y="47790"/>
                </a:lnTo>
                <a:lnTo>
                  <a:pt x="4572000" y="81752"/>
                </a:lnTo>
                <a:lnTo>
                  <a:pt x="4699000" y="74676"/>
                </a:lnTo>
                <a:close/>
              </a:path>
              <a:path w="13462000" h="650875">
                <a:moveTo>
                  <a:pt x="4699000" y="177569"/>
                </a:moveTo>
                <a:lnTo>
                  <a:pt x="4699000" y="147828"/>
                </a:lnTo>
                <a:lnTo>
                  <a:pt x="4572000" y="140208"/>
                </a:lnTo>
                <a:lnTo>
                  <a:pt x="4572000" y="175607"/>
                </a:lnTo>
                <a:lnTo>
                  <a:pt x="4699000" y="177569"/>
                </a:lnTo>
                <a:close/>
              </a:path>
              <a:path w="13462000" h="650875">
                <a:moveTo>
                  <a:pt x="4699000" y="434340"/>
                </a:moveTo>
                <a:lnTo>
                  <a:pt x="4699000" y="388620"/>
                </a:lnTo>
                <a:lnTo>
                  <a:pt x="4572000" y="379476"/>
                </a:lnTo>
                <a:lnTo>
                  <a:pt x="4572000" y="419100"/>
                </a:lnTo>
                <a:lnTo>
                  <a:pt x="4699000" y="434340"/>
                </a:lnTo>
                <a:close/>
              </a:path>
              <a:path w="13462000" h="650875">
                <a:moveTo>
                  <a:pt x="4699000" y="465582"/>
                </a:moveTo>
                <a:lnTo>
                  <a:pt x="4699000" y="434340"/>
                </a:lnTo>
                <a:lnTo>
                  <a:pt x="4572000" y="442722"/>
                </a:lnTo>
                <a:lnTo>
                  <a:pt x="4572000" y="470916"/>
                </a:lnTo>
                <a:lnTo>
                  <a:pt x="4699000" y="465582"/>
                </a:lnTo>
                <a:close/>
              </a:path>
              <a:path w="13462000" h="650875">
                <a:moveTo>
                  <a:pt x="4826000" y="185166"/>
                </a:moveTo>
                <a:lnTo>
                  <a:pt x="4826000" y="163068"/>
                </a:lnTo>
                <a:lnTo>
                  <a:pt x="4699000" y="160782"/>
                </a:lnTo>
                <a:lnTo>
                  <a:pt x="4699000" y="185928"/>
                </a:lnTo>
                <a:lnTo>
                  <a:pt x="4826000" y="185166"/>
                </a:lnTo>
                <a:close/>
              </a:path>
              <a:path w="13462000" h="650875">
                <a:moveTo>
                  <a:pt x="4826000" y="352806"/>
                </a:moveTo>
                <a:lnTo>
                  <a:pt x="4826000" y="282702"/>
                </a:lnTo>
                <a:lnTo>
                  <a:pt x="4699000" y="291084"/>
                </a:lnTo>
                <a:lnTo>
                  <a:pt x="4699000" y="364236"/>
                </a:lnTo>
                <a:lnTo>
                  <a:pt x="4826000" y="352806"/>
                </a:lnTo>
                <a:close/>
              </a:path>
              <a:path w="13462000" h="650875">
                <a:moveTo>
                  <a:pt x="4826000" y="488442"/>
                </a:moveTo>
                <a:lnTo>
                  <a:pt x="4826000" y="466344"/>
                </a:lnTo>
                <a:lnTo>
                  <a:pt x="4699000" y="470916"/>
                </a:lnTo>
                <a:lnTo>
                  <a:pt x="4699000" y="489204"/>
                </a:lnTo>
                <a:lnTo>
                  <a:pt x="4826000" y="488442"/>
                </a:lnTo>
                <a:close/>
              </a:path>
              <a:path w="13462000" h="650875">
                <a:moveTo>
                  <a:pt x="4953000" y="67572"/>
                </a:moveTo>
                <a:lnTo>
                  <a:pt x="4953000" y="45720"/>
                </a:lnTo>
                <a:lnTo>
                  <a:pt x="4826000" y="42672"/>
                </a:lnTo>
                <a:lnTo>
                  <a:pt x="4826000" y="69342"/>
                </a:lnTo>
                <a:lnTo>
                  <a:pt x="4953000" y="67572"/>
                </a:lnTo>
                <a:close/>
              </a:path>
              <a:path w="13462000" h="650875">
                <a:moveTo>
                  <a:pt x="4953000" y="165593"/>
                </a:moveTo>
                <a:lnTo>
                  <a:pt x="4953000" y="145542"/>
                </a:lnTo>
                <a:lnTo>
                  <a:pt x="4826000" y="140208"/>
                </a:lnTo>
                <a:lnTo>
                  <a:pt x="4826000" y="163350"/>
                </a:lnTo>
                <a:lnTo>
                  <a:pt x="4953000" y="165593"/>
                </a:lnTo>
                <a:close/>
              </a:path>
              <a:path w="13462000" h="650875">
                <a:moveTo>
                  <a:pt x="4953000" y="393954"/>
                </a:moveTo>
                <a:lnTo>
                  <a:pt x="4953000" y="363172"/>
                </a:lnTo>
                <a:lnTo>
                  <a:pt x="4826000" y="364998"/>
                </a:lnTo>
                <a:lnTo>
                  <a:pt x="4826000" y="402336"/>
                </a:lnTo>
                <a:lnTo>
                  <a:pt x="4953000" y="393954"/>
                </a:lnTo>
                <a:close/>
              </a:path>
              <a:path w="13462000" h="650875">
                <a:moveTo>
                  <a:pt x="4953000" y="486918"/>
                </a:moveTo>
                <a:lnTo>
                  <a:pt x="4953000" y="467106"/>
                </a:lnTo>
                <a:lnTo>
                  <a:pt x="4826000" y="461010"/>
                </a:lnTo>
                <a:lnTo>
                  <a:pt x="4826000" y="483870"/>
                </a:lnTo>
                <a:lnTo>
                  <a:pt x="4953000" y="486918"/>
                </a:lnTo>
                <a:close/>
              </a:path>
              <a:path w="13462000" h="650875">
                <a:moveTo>
                  <a:pt x="5080000" y="55626"/>
                </a:moveTo>
                <a:lnTo>
                  <a:pt x="5080000" y="27432"/>
                </a:lnTo>
                <a:lnTo>
                  <a:pt x="4953000" y="30480"/>
                </a:lnTo>
                <a:lnTo>
                  <a:pt x="4953000" y="56388"/>
                </a:lnTo>
                <a:lnTo>
                  <a:pt x="5080000" y="55626"/>
                </a:lnTo>
                <a:close/>
              </a:path>
              <a:path w="13462000" h="650875">
                <a:moveTo>
                  <a:pt x="5080000" y="173534"/>
                </a:moveTo>
                <a:lnTo>
                  <a:pt x="5080000" y="149352"/>
                </a:lnTo>
                <a:lnTo>
                  <a:pt x="4953000" y="152400"/>
                </a:lnTo>
                <a:lnTo>
                  <a:pt x="4953000" y="172203"/>
                </a:lnTo>
                <a:lnTo>
                  <a:pt x="5080000" y="173534"/>
                </a:lnTo>
                <a:close/>
              </a:path>
              <a:path w="13462000" h="650875">
                <a:moveTo>
                  <a:pt x="5080000" y="352511"/>
                </a:moveTo>
                <a:lnTo>
                  <a:pt x="5080000" y="299466"/>
                </a:lnTo>
                <a:lnTo>
                  <a:pt x="4953000" y="301752"/>
                </a:lnTo>
                <a:lnTo>
                  <a:pt x="4953000" y="354036"/>
                </a:lnTo>
                <a:lnTo>
                  <a:pt x="5080000" y="352511"/>
                </a:lnTo>
                <a:close/>
              </a:path>
              <a:path w="13462000" h="650875">
                <a:moveTo>
                  <a:pt x="5080000" y="525018"/>
                </a:moveTo>
                <a:lnTo>
                  <a:pt x="5080000" y="493776"/>
                </a:lnTo>
                <a:lnTo>
                  <a:pt x="4953000" y="492252"/>
                </a:lnTo>
                <a:lnTo>
                  <a:pt x="4953000" y="516636"/>
                </a:lnTo>
                <a:lnTo>
                  <a:pt x="5080000" y="525018"/>
                </a:lnTo>
                <a:close/>
              </a:path>
              <a:path w="13462000" h="650875">
                <a:moveTo>
                  <a:pt x="5207000" y="27432"/>
                </a:moveTo>
                <a:lnTo>
                  <a:pt x="5207000" y="0"/>
                </a:lnTo>
                <a:lnTo>
                  <a:pt x="5080000" y="0"/>
                </a:lnTo>
                <a:lnTo>
                  <a:pt x="5207000" y="27432"/>
                </a:lnTo>
                <a:close/>
              </a:path>
              <a:path w="13462000" h="650875">
                <a:moveTo>
                  <a:pt x="5207000" y="179832"/>
                </a:moveTo>
                <a:lnTo>
                  <a:pt x="5207000" y="151638"/>
                </a:lnTo>
                <a:lnTo>
                  <a:pt x="5080000" y="156972"/>
                </a:lnTo>
                <a:lnTo>
                  <a:pt x="5080000" y="185928"/>
                </a:lnTo>
                <a:lnTo>
                  <a:pt x="5207000" y="179832"/>
                </a:lnTo>
                <a:close/>
              </a:path>
              <a:path w="13462000" h="650875">
                <a:moveTo>
                  <a:pt x="5207000" y="372618"/>
                </a:moveTo>
                <a:lnTo>
                  <a:pt x="5207000" y="285750"/>
                </a:lnTo>
                <a:lnTo>
                  <a:pt x="5080000" y="274320"/>
                </a:lnTo>
                <a:lnTo>
                  <a:pt x="5080000" y="354330"/>
                </a:lnTo>
                <a:lnTo>
                  <a:pt x="5207000" y="372618"/>
                </a:lnTo>
                <a:close/>
              </a:path>
              <a:path w="13462000" h="650875">
                <a:moveTo>
                  <a:pt x="5207000" y="525018"/>
                </a:moveTo>
                <a:lnTo>
                  <a:pt x="5207000" y="461010"/>
                </a:lnTo>
                <a:lnTo>
                  <a:pt x="5080000" y="485394"/>
                </a:lnTo>
                <a:lnTo>
                  <a:pt x="5080000" y="542544"/>
                </a:lnTo>
                <a:lnTo>
                  <a:pt x="5207000" y="525018"/>
                </a:lnTo>
                <a:close/>
              </a:path>
              <a:path w="13462000" h="650875">
                <a:moveTo>
                  <a:pt x="5334000" y="43434"/>
                </a:moveTo>
                <a:lnTo>
                  <a:pt x="5334000" y="15240"/>
                </a:lnTo>
                <a:lnTo>
                  <a:pt x="5207000" y="11430"/>
                </a:lnTo>
                <a:lnTo>
                  <a:pt x="5207000" y="46482"/>
                </a:lnTo>
                <a:lnTo>
                  <a:pt x="5334000" y="43434"/>
                </a:lnTo>
                <a:close/>
              </a:path>
              <a:path w="13462000" h="650875">
                <a:moveTo>
                  <a:pt x="5334000" y="360426"/>
                </a:moveTo>
                <a:lnTo>
                  <a:pt x="5334000" y="191262"/>
                </a:lnTo>
                <a:lnTo>
                  <a:pt x="5207000" y="189738"/>
                </a:lnTo>
                <a:lnTo>
                  <a:pt x="5207000" y="355854"/>
                </a:lnTo>
                <a:lnTo>
                  <a:pt x="5334000" y="360426"/>
                </a:lnTo>
                <a:close/>
              </a:path>
              <a:path w="13462000" h="650875">
                <a:moveTo>
                  <a:pt x="5334000" y="519684"/>
                </a:moveTo>
                <a:lnTo>
                  <a:pt x="5334000" y="489110"/>
                </a:lnTo>
                <a:lnTo>
                  <a:pt x="5207000" y="492785"/>
                </a:lnTo>
                <a:lnTo>
                  <a:pt x="5207000" y="542544"/>
                </a:lnTo>
                <a:lnTo>
                  <a:pt x="5334000" y="519684"/>
                </a:lnTo>
                <a:close/>
              </a:path>
              <a:path w="13462000" h="650875">
                <a:moveTo>
                  <a:pt x="5461000" y="650748"/>
                </a:moveTo>
                <a:lnTo>
                  <a:pt x="5461000" y="569976"/>
                </a:lnTo>
                <a:lnTo>
                  <a:pt x="5334000" y="576834"/>
                </a:lnTo>
                <a:lnTo>
                  <a:pt x="5334000" y="612648"/>
                </a:lnTo>
                <a:lnTo>
                  <a:pt x="5207000" y="596646"/>
                </a:lnTo>
                <a:lnTo>
                  <a:pt x="5207000" y="650748"/>
                </a:lnTo>
                <a:lnTo>
                  <a:pt x="5461000" y="650748"/>
                </a:lnTo>
                <a:close/>
              </a:path>
              <a:path w="13462000" h="650875">
                <a:moveTo>
                  <a:pt x="5461000" y="243840"/>
                </a:moveTo>
                <a:lnTo>
                  <a:pt x="5461000" y="189738"/>
                </a:lnTo>
                <a:lnTo>
                  <a:pt x="5334000" y="183642"/>
                </a:lnTo>
                <a:lnTo>
                  <a:pt x="5334000" y="224790"/>
                </a:lnTo>
                <a:lnTo>
                  <a:pt x="5461000" y="243840"/>
                </a:lnTo>
                <a:close/>
              </a:path>
              <a:path w="13462000" h="650875">
                <a:moveTo>
                  <a:pt x="5461000" y="415290"/>
                </a:moveTo>
                <a:lnTo>
                  <a:pt x="5461000" y="364236"/>
                </a:lnTo>
                <a:lnTo>
                  <a:pt x="5334000" y="377952"/>
                </a:lnTo>
                <a:lnTo>
                  <a:pt x="5334000" y="434340"/>
                </a:lnTo>
                <a:lnTo>
                  <a:pt x="5461000" y="415290"/>
                </a:lnTo>
                <a:close/>
              </a:path>
              <a:path w="13462000" h="650875">
                <a:moveTo>
                  <a:pt x="5461000" y="542544"/>
                </a:moveTo>
                <a:lnTo>
                  <a:pt x="5461000" y="477012"/>
                </a:lnTo>
                <a:lnTo>
                  <a:pt x="5334000" y="461010"/>
                </a:lnTo>
                <a:lnTo>
                  <a:pt x="5334000" y="526542"/>
                </a:lnTo>
                <a:lnTo>
                  <a:pt x="5461000" y="542544"/>
                </a:lnTo>
                <a:close/>
              </a:path>
              <a:path w="13462000" h="650875">
                <a:moveTo>
                  <a:pt x="5588000" y="211836"/>
                </a:moveTo>
                <a:lnTo>
                  <a:pt x="5588000" y="181356"/>
                </a:lnTo>
                <a:lnTo>
                  <a:pt x="5461000" y="183642"/>
                </a:lnTo>
                <a:lnTo>
                  <a:pt x="5461000" y="216408"/>
                </a:lnTo>
                <a:lnTo>
                  <a:pt x="5588000" y="211836"/>
                </a:lnTo>
                <a:close/>
              </a:path>
              <a:path w="13462000" h="650875">
                <a:moveTo>
                  <a:pt x="5588000" y="499110"/>
                </a:moveTo>
                <a:lnTo>
                  <a:pt x="5588000" y="399288"/>
                </a:lnTo>
                <a:lnTo>
                  <a:pt x="5461000" y="402336"/>
                </a:lnTo>
                <a:lnTo>
                  <a:pt x="5461000" y="496062"/>
                </a:lnTo>
                <a:lnTo>
                  <a:pt x="5588000" y="499110"/>
                </a:lnTo>
                <a:close/>
              </a:path>
              <a:path w="13462000" h="650875">
                <a:moveTo>
                  <a:pt x="5715000" y="215646"/>
                </a:moveTo>
                <a:lnTo>
                  <a:pt x="5715000" y="162306"/>
                </a:lnTo>
                <a:lnTo>
                  <a:pt x="5588000" y="163068"/>
                </a:lnTo>
                <a:lnTo>
                  <a:pt x="5588000" y="211074"/>
                </a:lnTo>
                <a:lnTo>
                  <a:pt x="5715000" y="215646"/>
                </a:lnTo>
                <a:close/>
              </a:path>
              <a:path w="13462000" h="650875">
                <a:moveTo>
                  <a:pt x="5715000" y="397117"/>
                </a:moveTo>
                <a:lnTo>
                  <a:pt x="5715000" y="272796"/>
                </a:lnTo>
                <a:lnTo>
                  <a:pt x="5588000" y="280416"/>
                </a:lnTo>
                <a:lnTo>
                  <a:pt x="5588000" y="400900"/>
                </a:lnTo>
                <a:lnTo>
                  <a:pt x="5715000" y="397117"/>
                </a:lnTo>
                <a:close/>
              </a:path>
              <a:path w="13462000" h="650875">
                <a:moveTo>
                  <a:pt x="5842000" y="276606"/>
                </a:moveTo>
                <a:lnTo>
                  <a:pt x="5842000" y="193548"/>
                </a:lnTo>
                <a:lnTo>
                  <a:pt x="5715000" y="191262"/>
                </a:lnTo>
                <a:lnTo>
                  <a:pt x="5715000" y="298704"/>
                </a:lnTo>
                <a:lnTo>
                  <a:pt x="5842000" y="276606"/>
                </a:lnTo>
                <a:close/>
              </a:path>
              <a:path w="13462000" h="650875">
                <a:moveTo>
                  <a:pt x="5842000" y="596646"/>
                </a:moveTo>
                <a:lnTo>
                  <a:pt x="5842000" y="352806"/>
                </a:lnTo>
                <a:lnTo>
                  <a:pt x="5715000" y="325374"/>
                </a:lnTo>
                <a:lnTo>
                  <a:pt x="5715000" y="624078"/>
                </a:lnTo>
                <a:lnTo>
                  <a:pt x="5842000" y="596646"/>
                </a:lnTo>
                <a:close/>
              </a:path>
              <a:path w="13462000" h="650875">
                <a:moveTo>
                  <a:pt x="6223000" y="153162"/>
                </a:moveTo>
                <a:lnTo>
                  <a:pt x="6223000" y="0"/>
                </a:lnTo>
                <a:lnTo>
                  <a:pt x="5842000" y="0"/>
                </a:lnTo>
                <a:lnTo>
                  <a:pt x="5969000" y="19812"/>
                </a:lnTo>
                <a:lnTo>
                  <a:pt x="5969000" y="41910"/>
                </a:lnTo>
                <a:lnTo>
                  <a:pt x="6096000" y="43434"/>
                </a:lnTo>
                <a:lnTo>
                  <a:pt x="6096000" y="144780"/>
                </a:lnTo>
                <a:lnTo>
                  <a:pt x="6223000" y="153162"/>
                </a:lnTo>
                <a:close/>
              </a:path>
              <a:path w="13462000" h="650875">
                <a:moveTo>
                  <a:pt x="5969000" y="185166"/>
                </a:moveTo>
                <a:lnTo>
                  <a:pt x="5969000" y="160782"/>
                </a:lnTo>
                <a:lnTo>
                  <a:pt x="5842000" y="155448"/>
                </a:lnTo>
                <a:lnTo>
                  <a:pt x="5842000" y="181356"/>
                </a:lnTo>
                <a:lnTo>
                  <a:pt x="5969000" y="185166"/>
                </a:lnTo>
                <a:close/>
              </a:path>
              <a:path w="13462000" h="650875">
                <a:moveTo>
                  <a:pt x="5969000" y="489966"/>
                </a:moveTo>
                <a:lnTo>
                  <a:pt x="5969000" y="389382"/>
                </a:lnTo>
                <a:lnTo>
                  <a:pt x="5842000" y="397002"/>
                </a:lnTo>
                <a:lnTo>
                  <a:pt x="5842000" y="502920"/>
                </a:lnTo>
                <a:lnTo>
                  <a:pt x="5969000" y="489966"/>
                </a:lnTo>
                <a:close/>
              </a:path>
              <a:path w="13462000" h="650875">
                <a:moveTo>
                  <a:pt x="6096000" y="209550"/>
                </a:moveTo>
                <a:lnTo>
                  <a:pt x="6096000" y="170550"/>
                </a:lnTo>
                <a:lnTo>
                  <a:pt x="5969000" y="171414"/>
                </a:lnTo>
                <a:lnTo>
                  <a:pt x="5969000" y="216408"/>
                </a:lnTo>
                <a:lnTo>
                  <a:pt x="6096000" y="209550"/>
                </a:lnTo>
                <a:close/>
              </a:path>
              <a:path w="13462000" h="650875">
                <a:moveTo>
                  <a:pt x="6350000" y="42672"/>
                </a:moveTo>
                <a:lnTo>
                  <a:pt x="6350000" y="9144"/>
                </a:lnTo>
                <a:lnTo>
                  <a:pt x="6223000" y="23622"/>
                </a:lnTo>
                <a:lnTo>
                  <a:pt x="6223000" y="47244"/>
                </a:lnTo>
                <a:lnTo>
                  <a:pt x="6350000" y="42672"/>
                </a:lnTo>
                <a:close/>
              </a:path>
              <a:path w="13462000" h="650875">
                <a:moveTo>
                  <a:pt x="6350000" y="223266"/>
                </a:moveTo>
                <a:lnTo>
                  <a:pt x="6350000" y="165354"/>
                </a:lnTo>
                <a:lnTo>
                  <a:pt x="6223000" y="173736"/>
                </a:lnTo>
                <a:lnTo>
                  <a:pt x="6223000" y="243840"/>
                </a:lnTo>
                <a:lnTo>
                  <a:pt x="6350000" y="223266"/>
                </a:lnTo>
                <a:close/>
              </a:path>
              <a:path w="13462000" h="650875">
                <a:moveTo>
                  <a:pt x="6477000" y="178308"/>
                </a:moveTo>
                <a:lnTo>
                  <a:pt x="6477000" y="151638"/>
                </a:lnTo>
                <a:lnTo>
                  <a:pt x="6350000" y="149352"/>
                </a:lnTo>
                <a:lnTo>
                  <a:pt x="6350000" y="178308"/>
                </a:lnTo>
                <a:lnTo>
                  <a:pt x="6477000" y="178308"/>
                </a:lnTo>
                <a:close/>
              </a:path>
              <a:path w="13462000" h="650875">
                <a:moveTo>
                  <a:pt x="6477000" y="460248"/>
                </a:moveTo>
                <a:lnTo>
                  <a:pt x="6477000" y="352806"/>
                </a:lnTo>
                <a:lnTo>
                  <a:pt x="6350000" y="373380"/>
                </a:lnTo>
                <a:lnTo>
                  <a:pt x="6350000" y="434340"/>
                </a:lnTo>
                <a:lnTo>
                  <a:pt x="6477000" y="460248"/>
                </a:lnTo>
                <a:close/>
              </a:path>
              <a:path w="13462000" h="650875">
                <a:moveTo>
                  <a:pt x="6604000" y="32004"/>
                </a:moveTo>
                <a:lnTo>
                  <a:pt x="6604000" y="0"/>
                </a:lnTo>
                <a:lnTo>
                  <a:pt x="6477000" y="0"/>
                </a:lnTo>
                <a:lnTo>
                  <a:pt x="6477000" y="27432"/>
                </a:lnTo>
                <a:lnTo>
                  <a:pt x="6604000" y="32004"/>
                </a:lnTo>
                <a:close/>
              </a:path>
              <a:path w="13462000" h="650875">
                <a:moveTo>
                  <a:pt x="6604000" y="198120"/>
                </a:moveTo>
                <a:lnTo>
                  <a:pt x="6604000" y="152400"/>
                </a:lnTo>
                <a:lnTo>
                  <a:pt x="6477000" y="145542"/>
                </a:lnTo>
                <a:lnTo>
                  <a:pt x="6477000" y="189738"/>
                </a:lnTo>
                <a:lnTo>
                  <a:pt x="6604000" y="198120"/>
                </a:lnTo>
                <a:close/>
              </a:path>
              <a:path w="13462000" h="650875">
                <a:moveTo>
                  <a:pt x="6604000" y="464058"/>
                </a:moveTo>
                <a:lnTo>
                  <a:pt x="6604000" y="310134"/>
                </a:lnTo>
                <a:lnTo>
                  <a:pt x="6477000" y="325374"/>
                </a:lnTo>
                <a:lnTo>
                  <a:pt x="6477000" y="461010"/>
                </a:lnTo>
                <a:lnTo>
                  <a:pt x="6604000" y="464058"/>
                </a:lnTo>
                <a:close/>
              </a:path>
              <a:path w="13462000" h="650875">
                <a:moveTo>
                  <a:pt x="6731000" y="185928"/>
                </a:moveTo>
                <a:lnTo>
                  <a:pt x="6731000" y="153162"/>
                </a:lnTo>
                <a:lnTo>
                  <a:pt x="6604000" y="143256"/>
                </a:lnTo>
                <a:lnTo>
                  <a:pt x="6604000" y="183642"/>
                </a:lnTo>
                <a:lnTo>
                  <a:pt x="6731000" y="185928"/>
                </a:lnTo>
                <a:close/>
              </a:path>
              <a:path w="13462000" h="650875">
                <a:moveTo>
                  <a:pt x="6731000" y="384048"/>
                </a:moveTo>
                <a:lnTo>
                  <a:pt x="6731000" y="361950"/>
                </a:lnTo>
                <a:lnTo>
                  <a:pt x="6604000" y="362712"/>
                </a:lnTo>
                <a:lnTo>
                  <a:pt x="6604000" y="384810"/>
                </a:lnTo>
                <a:lnTo>
                  <a:pt x="6731000" y="384048"/>
                </a:lnTo>
                <a:close/>
              </a:path>
              <a:path w="13462000" h="650875">
                <a:moveTo>
                  <a:pt x="6731000" y="489966"/>
                </a:moveTo>
                <a:lnTo>
                  <a:pt x="6731000" y="473202"/>
                </a:lnTo>
                <a:lnTo>
                  <a:pt x="6604000" y="473202"/>
                </a:lnTo>
                <a:lnTo>
                  <a:pt x="6604000" y="489204"/>
                </a:lnTo>
                <a:lnTo>
                  <a:pt x="6731000" y="489966"/>
                </a:lnTo>
                <a:close/>
              </a:path>
              <a:path w="13462000" h="650875">
                <a:moveTo>
                  <a:pt x="6858000" y="176022"/>
                </a:moveTo>
                <a:lnTo>
                  <a:pt x="6858000" y="141732"/>
                </a:lnTo>
                <a:lnTo>
                  <a:pt x="6731000" y="135636"/>
                </a:lnTo>
                <a:lnTo>
                  <a:pt x="6731000" y="173736"/>
                </a:lnTo>
                <a:lnTo>
                  <a:pt x="6858000" y="176022"/>
                </a:lnTo>
                <a:close/>
              </a:path>
              <a:path w="13462000" h="650875">
                <a:moveTo>
                  <a:pt x="6858000" y="438912"/>
                </a:moveTo>
                <a:lnTo>
                  <a:pt x="6858000" y="368808"/>
                </a:lnTo>
                <a:lnTo>
                  <a:pt x="6731000" y="353568"/>
                </a:lnTo>
                <a:lnTo>
                  <a:pt x="6731000" y="445770"/>
                </a:lnTo>
                <a:lnTo>
                  <a:pt x="6858000" y="438912"/>
                </a:lnTo>
                <a:close/>
              </a:path>
              <a:path w="13462000" h="650875">
                <a:moveTo>
                  <a:pt x="6985000" y="108966"/>
                </a:moveTo>
                <a:lnTo>
                  <a:pt x="6985000" y="54102"/>
                </a:lnTo>
                <a:lnTo>
                  <a:pt x="6858000" y="45720"/>
                </a:lnTo>
                <a:lnTo>
                  <a:pt x="6858000" y="119634"/>
                </a:lnTo>
                <a:lnTo>
                  <a:pt x="6985000" y="108966"/>
                </a:lnTo>
                <a:close/>
              </a:path>
              <a:path w="13462000" h="650875">
                <a:moveTo>
                  <a:pt x="7112000" y="160020"/>
                </a:moveTo>
                <a:lnTo>
                  <a:pt x="7112000" y="42672"/>
                </a:lnTo>
                <a:lnTo>
                  <a:pt x="6985000" y="47244"/>
                </a:lnTo>
                <a:lnTo>
                  <a:pt x="6985000" y="152400"/>
                </a:lnTo>
                <a:lnTo>
                  <a:pt x="7112000" y="160020"/>
                </a:lnTo>
                <a:close/>
              </a:path>
              <a:path w="13462000" h="650875">
                <a:moveTo>
                  <a:pt x="7112000" y="450342"/>
                </a:moveTo>
                <a:lnTo>
                  <a:pt x="7112000" y="291084"/>
                </a:lnTo>
                <a:lnTo>
                  <a:pt x="6985000" y="282702"/>
                </a:lnTo>
                <a:lnTo>
                  <a:pt x="6985000" y="448818"/>
                </a:lnTo>
                <a:lnTo>
                  <a:pt x="7112000" y="450342"/>
                </a:lnTo>
                <a:close/>
              </a:path>
              <a:path w="13462000" h="650875">
                <a:moveTo>
                  <a:pt x="7239000" y="152400"/>
                </a:moveTo>
                <a:lnTo>
                  <a:pt x="7239000" y="60198"/>
                </a:lnTo>
                <a:lnTo>
                  <a:pt x="7112000" y="60960"/>
                </a:lnTo>
                <a:lnTo>
                  <a:pt x="7112000" y="145542"/>
                </a:lnTo>
                <a:lnTo>
                  <a:pt x="7239000" y="152400"/>
                </a:lnTo>
                <a:close/>
              </a:path>
              <a:path w="13462000" h="650875">
                <a:moveTo>
                  <a:pt x="7366000" y="147066"/>
                </a:moveTo>
                <a:lnTo>
                  <a:pt x="7366000" y="0"/>
                </a:lnTo>
                <a:lnTo>
                  <a:pt x="7239000" y="0"/>
                </a:lnTo>
                <a:lnTo>
                  <a:pt x="7239000" y="144780"/>
                </a:lnTo>
                <a:lnTo>
                  <a:pt x="7366000" y="147066"/>
                </a:lnTo>
                <a:close/>
              </a:path>
              <a:path w="13462000" h="650875">
                <a:moveTo>
                  <a:pt x="7366000" y="461010"/>
                </a:moveTo>
                <a:lnTo>
                  <a:pt x="7366000" y="393192"/>
                </a:lnTo>
                <a:lnTo>
                  <a:pt x="7239000" y="392430"/>
                </a:lnTo>
                <a:lnTo>
                  <a:pt x="7239000" y="460248"/>
                </a:lnTo>
                <a:lnTo>
                  <a:pt x="7366000" y="461010"/>
                </a:lnTo>
                <a:close/>
              </a:path>
              <a:path w="13462000" h="650875">
                <a:moveTo>
                  <a:pt x="7493000" y="152400"/>
                </a:moveTo>
                <a:lnTo>
                  <a:pt x="7493000" y="75438"/>
                </a:lnTo>
                <a:lnTo>
                  <a:pt x="7366000" y="69342"/>
                </a:lnTo>
                <a:lnTo>
                  <a:pt x="7366000" y="156210"/>
                </a:lnTo>
                <a:lnTo>
                  <a:pt x="7493000" y="152400"/>
                </a:lnTo>
                <a:close/>
              </a:path>
              <a:path w="13462000" h="650875">
                <a:moveTo>
                  <a:pt x="7620000" y="135636"/>
                </a:moveTo>
                <a:lnTo>
                  <a:pt x="7620000" y="108966"/>
                </a:lnTo>
                <a:lnTo>
                  <a:pt x="7493000" y="86106"/>
                </a:lnTo>
                <a:lnTo>
                  <a:pt x="7493000" y="150114"/>
                </a:lnTo>
                <a:lnTo>
                  <a:pt x="7620000" y="135636"/>
                </a:lnTo>
                <a:close/>
              </a:path>
              <a:path w="13462000" h="650875">
                <a:moveTo>
                  <a:pt x="8763000" y="454560"/>
                </a:moveTo>
                <a:lnTo>
                  <a:pt x="8763000" y="400353"/>
                </a:lnTo>
                <a:lnTo>
                  <a:pt x="8636000" y="419862"/>
                </a:lnTo>
                <a:lnTo>
                  <a:pt x="8636000" y="443484"/>
                </a:lnTo>
                <a:lnTo>
                  <a:pt x="8763000" y="454560"/>
                </a:lnTo>
                <a:close/>
              </a:path>
              <a:path w="13462000" h="650875">
                <a:moveTo>
                  <a:pt x="8890000" y="397167"/>
                </a:moveTo>
                <a:lnTo>
                  <a:pt x="8890000" y="378210"/>
                </a:lnTo>
                <a:lnTo>
                  <a:pt x="8763000" y="374904"/>
                </a:lnTo>
                <a:lnTo>
                  <a:pt x="8763000" y="395478"/>
                </a:lnTo>
                <a:lnTo>
                  <a:pt x="8890000" y="397167"/>
                </a:lnTo>
                <a:close/>
              </a:path>
              <a:path w="13462000" h="650875">
                <a:moveTo>
                  <a:pt x="8890000" y="489204"/>
                </a:moveTo>
                <a:lnTo>
                  <a:pt x="8890000" y="470154"/>
                </a:lnTo>
                <a:lnTo>
                  <a:pt x="8763000" y="468630"/>
                </a:lnTo>
                <a:lnTo>
                  <a:pt x="8763000" y="488442"/>
                </a:lnTo>
                <a:lnTo>
                  <a:pt x="8890000" y="489204"/>
                </a:lnTo>
                <a:close/>
              </a:path>
              <a:path w="13462000" h="650875">
                <a:moveTo>
                  <a:pt x="9017000" y="474726"/>
                </a:moveTo>
                <a:lnTo>
                  <a:pt x="9017000" y="398526"/>
                </a:lnTo>
                <a:lnTo>
                  <a:pt x="8890000" y="404622"/>
                </a:lnTo>
                <a:lnTo>
                  <a:pt x="8890000" y="464820"/>
                </a:lnTo>
                <a:lnTo>
                  <a:pt x="9017000" y="474726"/>
                </a:lnTo>
                <a:close/>
              </a:path>
              <a:path w="13462000" h="650875">
                <a:moveTo>
                  <a:pt x="9144000" y="416814"/>
                </a:moveTo>
                <a:lnTo>
                  <a:pt x="9144000" y="387096"/>
                </a:lnTo>
                <a:lnTo>
                  <a:pt x="9017000" y="386334"/>
                </a:lnTo>
                <a:lnTo>
                  <a:pt x="9017000" y="406908"/>
                </a:lnTo>
                <a:lnTo>
                  <a:pt x="9144000" y="416814"/>
                </a:lnTo>
                <a:close/>
              </a:path>
              <a:path w="13462000" h="650875">
                <a:moveTo>
                  <a:pt x="9144000" y="481584"/>
                </a:moveTo>
                <a:lnTo>
                  <a:pt x="9144000" y="451104"/>
                </a:lnTo>
                <a:lnTo>
                  <a:pt x="9017000" y="461010"/>
                </a:lnTo>
                <a:lnTo>
                  <a:pt x="9017000" y="483870"/>
                </a:lnTo>
                <a:lnTo>
                  <a:pt x="9144000" y="481584"/>
                </a:lnTo>
                <a:close/>
              </a:path>
              <a:path w="13462000" h="650875">
                <a:moveTo>
                  <a:pt x="9271000" y="481584"/>
                </a:moveTo>
                <a:lnTo>
                  <a:pt x="9271000" y="399288"/>
                </a:lnTo>
                <a:lnTo>
                  <a:pt x="9144000" y="393954"/>
                </a:lnTo>
                <a:lnTo>
                  <a:pt x="9144000" y="484632"/>
                </a:lnTo>
                <a:lnTo>
                  <a:pt x="9271000" y="481584"/>
                </a:lnTo>
                <a:close/>
              </a:path>
              <a:path w="13462000" h="650875">
                <a:moveTo>
                  <a:pt x="9398000" y="140208"/>
                </a:moveTo>
                <a:lnTo>
                  <a:pt x="9398000" y="77724"/>
                </a:lnTo>
                <a:lnTo>
                  <a:pt x="9271000" y="76962"/>
                </a:lnTo>
                <a:lnTo>
                  <a:pt x="9271000" y="130335"/>
                </a:lnTo>
                <a:lnTo>
                  <a:pt x="9398000" y="140208"/>
                </a:lnTo>
                <a:close/>
              </a:path>
              <a:path w="13462000" h="650875">
                <a:moveTo>
                  <a:pt x="9398000" y="482593"/>
                </a:moveTo>
                <a:lnTo>
                  <a:pt x="9398000" y="402227"/>
                </a:lnTo>
                <a:lnTo>
                  <a:pt x="9271000" y="399699"/>
                </a:lnTo>
                <a:lnTo>
                  <a:pt x="9271000" y="485035"/>
                </a:lnTo>
                <a:lnTo>
                  <a:pt x="9398000" y="482593"/>
                </a:lnTo>
                <a:close/>
              </a:path>
              <a:path w="13462000" h="650875">
                <a:moveTo>
                  <a:pt x="9525000" y="405384"/>
                </a:moveTo>
                <a:lnTo>
                  <a:pt x="9525000" y="384308"/>
                </a:lnTo>
                <a:lnTo>
                  <a:pt x="9398000" y="383164"/>
                </a:lnTo>
                <a:lnTo>
                  <a:pt x="9398000" y="402336"/>
                </a:lnTo>
                <a:lnTo>
                  <a:pt x="9525000" y="405384"/>
                </a:lnTo>
                <a:close/>
              </a:path>
              <a:path w="13462000" h="650875">
                <a:moveTo>
                  <a:pt x="9525000" y="491490"/>
                </a:moveTo>
                <a:lnTo>
                  <a:pt x="9525000" y="467868"/>
                </a:lnTo>
                <a:lnTo>
                  <a:pt x="9398000" y="470154"/>
                </a:lnTo>
                <a:lnTo>
                  <a:pt x="9398000" y="491490"/>
                </a:lnTo>
                <a:lnTo>
                  <a:pt x="9525000" y="491490"/>
                </a:lnTo>
                <a:close/>
              </a:path>
              <a:path w="13462000" h="650875">
                <a:moveTo>
                  <a:pt x="9652000" y="54102"/>
                </a:moveTo>
                <a:lnTo>
                  <a:pt x="9652000" y="0"/>
                </a:lnTo>
                <a:lnTo>
                  <a:pt x="9525000" y="0"/>
                </a:lnTo>
                <a:lnTo>
                  <a:pt x="9525000" y="32004"/>
                </a:lnTo>
                <a:lnTo>
                  <a:pt x="9652000" y="54102"/>
                </a:lnTo>
                <a:close/>
              </a:path>
              <a:path w="13462000" h="650875">
                <a:moveTo>
                  <a:pt x="9652000" y="428244"/>
                </a:moveTo>
                <a:lnTo>
                  <a:pt x="9652000" y="406146"/>
                </a:lnTo>
                <a:lnTo>
                  <a:pt x="9525000" y="400050"/>
                </a:lnTo>
                <a:lnTo>
                  <a:pt x="9525000" y="417576"/>
                </a:lnTo>
                <a:lnTo>
                  <a:pt x="9652000" y="428244"/>
                </a:lnTo>
                <a:close/>
              </a:path>
              <a:path w="13462000" h="650875">
                <a:moveTo>
                  <a:pt x="9652000" y="475488"/>
                </a:moveTo>
                <a:lnTo>
                  <a:pt x="9652000" y="445770"/>
                </a:lnTo>
                <a:lnTo>
                  <a:pt x="9525000" y="461010"/>
                </a:lnTo>
                <a:lnTo>
                  <a:pt x="9525000" y="480822"/>
                </a:lnTo>
                <a:lnTo>
                  <a:pt x="9652000" y="475488"/>
                </a:lnTo>
                <a:close/>
              </a:path>
              <a:path w="13462000" h="650875">
                <a:moveTo>
                  <a:pt x="9779000" y="133350"/>
                </a:moveTo>
                <a:lnTo>
                  <a:pt x="9779000" y="73152"/>
                </a:lnTo>
                <a:lnTo>
                  <a:pt x="9652000" y="54102"/>
                </a:lnTo>
                <a:lnTo>
                  <a:pt x="9652000" y="119634"/>
                </a:lnTo>
                <a:lnTo>
                  <a:pt x="9779000" y="133350"/>
                </a:lnTo>
                <a:close/>
              </a:path>
              <a:path w="13462000" h="650875">
                <a:moveTo>
                  <a:pt x="9906000" y="102870"/>
                </a:moveTo>
                <a:lnTo>
                  <a:pt x="9906000" y="72390"/>
                </a:lnTo>
                <a:lnTo>
                  <a:pt x="9779000" y="67056"/>
                </a:lnTo>
                <a:lnTo>
                  <a:pt x="9779000" y="86106"/>
                </a:lnTo>
                <a:lnTo>
                  <a:pt x="9906000" y="102870"/>
                </a:lnTo>
                <a:close/>
              </a:path>
              <a:path w="13462000" h="650875">
                <a:moveTo>
                  <a:pt x="10033000" y="63246"/>
                </a:moveTo>
                <a:lnTo>
                  <a:pt x="10033000" y="40386"/>
                </a:lnTo>
                <a:lnTo>
                  <a:pt x="9906000" y="34290"/>
                </a:lnTo>
                <a:lnTo>
                  <a:pt x="9906000" y="66294"/>
                </a:lnTo>
                <a:lnTo>
                  <a:pt x="10033000" y="63246"/>
                </a:lnTo>
                <a:close/>
              </a:path>
              <a:path w="13462000" h="650875">
                <a:moveTo>
                  <a:pt x="10160000" y="100584"/>
                </a:moveTo>
                <a:lnTo>
                  <a:pt x="10160000" y="76200"/>
                </a:lnTo>
                <a:lnTo>
                  <a:pt x="10033000" y="66294"/>
                </a:lnTo>
                <a:lnTo>
                  <a:pt x="10033000" y="82296"/>
                </a:lnTo>
                <a:lnTo>
                  <a:pt x="10160000" y="100584"/>
                </a:lnTo>
                <a:close/>
              </a:path>
              <a:path w="13462000" h="650875">
                <a:moveTo>
                  <a:pt x="10414000" y="92202"/>
                </a:moveTo>
                <a:lnTo>
                  <a:pt x="10414000" y="81534"/>
                </a:lnTo>
                <a:lnTo>
                  <a:pt x="10287000" y="89916"/>
                </a:lnTo>
                <a:lnTo>
                  <a:pt x="10287000" y="105156"/>
                </a:lnTo>
                <a:lnTo>
                  <a:pt x="10414000" y="92202"/>
                </a:lnTo>
                <a:close/>
              </a:path>
              <a:path w="13462000" h="650875">
                <a:moveTo>
                  <a:pt x="10541000" y="60198"/>
                </a:moveTo>
                <a:lnTo>
                  <a:pt x="10541000" y="54102"/>
                </a:lnTo>
                <a:lnTo>
                  <a:pt x="10414000" y="60960"/>
                </a:lnTo>
                <a:lnTo>
                  <a:pt x="10414000" y="75438"/>
                </a:lnTo>
                <a:lnTo>
                  <a:pt x="10541000" y="60198"/>
                </a:lnTo>
                <a:close/>
              </a:path>
              <a:path w="13462000" h="650875">
                <a:moveTo>
                  <a:pt x="10668000" y="118110"/>
                </a:moveTo>
                <a:lnTo>
                  <a:pt x="10668000" y="101104"/>
                </a:lnTo>
                <a:lnTo>
                  <a:pt x="10541000" y="96012"/>
                </a:lnTo>
                <a:lnTo>
                  <a:pt x="10541000" y="108966"/>
                </a:lnTo>
                <a:lnTo>
                  <a:pt x="10668000" y="118110"/>
                </a:lnTo>
                <a:close/>
              </a:path>
              <a:path w="13462000" h="650875">
                <a:moveTo>
                  <a:pt x="10795000" y="123444"/>
                </a:moveTo>
                <a:lnTo>
                  <a:pt x="10795000" y="105918"/>
                </a:lnTo>
                <a:lnTo>
                  <a:pt x="10668000" y="108966"/>
                </a:lnTo>
                <a:lnTo>
                  <a:pt x="10668000" y="135636"/>
                </a:lnTo>
                <a:lnTo>
                  <a:pt x="10795000" y="123444"/>
                </a:lnTo>
                <a:close/>
              </a:path>
              <a:path w="13462000" h="650875">
                <a:moveTo>
                  <a:pt x="10922000" y="115824"/>
                </a:moveTo>
                <a:lnTo>
                  <a:pt x="10922000" y="101346"/>
                </a:lnTo>
                <a:lnTo>
                  <a:pt x="10795000" y="104394"/>
                </a:lnTo>
                <a:lnTo>
                  <a:pt x="10795000" y="122682"/>
                </a:lnTo>
                <a:lnTo>
                  <a:pt x="10922000" y="115824"/>
                </a:lnTo>
                <a:close/>
              </a:path>
              <a:path w="13462000" h="650875">
                <a:moveTo>
                  <a:pt x="11049000" y="93507"/>
                </a:moveTo>
                <a:lnTo>
                  <a:pt x="11049000" y="84156"/>
                </a:lnTo>
                <a:lnTo>
                  <a:pt x="10922000" y="85363"/>
                </a:lnTo>
                <a:lnTo>
                  <a:pt x="10922000" y="94923"/>
                </a:lnTo>
                <a:lnTo>
                  <a:pt x="11049000" y="93507"/>
                </a:lnTo>
                <a:close/>
              </a:path>
              <a:path w="13462000" h="650875">
                <a:moveTo>
                  <a:pt x="11176000" y="95250"/>
                </a:moveTo>
                <a:lnTo>
                  <a:pt x="11176000" y="83728"/>
                </a:lnTo>
                <a:lnTo>
                  <a:pt x="11049000" y="83137"/>
                </a:lnTo>
                <a:lnTo>
                  <a:pt x="11049000" y="93726"/>
                </a:lnTo>
                <a:lnTo>
                  <a:pt x="11176000" y="95250"/>
                </a:lnTo>
                <a:close/>
              </a:path>
              <a:path w="13462000" h="650875">
                <a:moveTo>
                  <a:pt x="11303000" y="89154"/>
                </a:moveTo>
                <a:lnTo>
                  <a:pt x="11303000" y="74676"/>
                </a:lnTo>
                <a:lnTo>
                  <a:pt x="11176000" y="80010"/>
                </a:lnTo>
                <a:lnTo>
                  <a:pt x="11176000" y="100584"/>
                </a:lnTo>
                <a:lnTo>
                  <a:pt x="11303000" y="89154"/>
                </a:lnTo>
                <a:close/>
              </a:path>
              <a:path w="13462000" h="650875">
                <a:moveTo>
                  <a:pt x="11430000" y="77724"/>
                </a:moveTo>
                <a:lnTo>
                  <a:pt x="11430000" y="64008"/>
                </a:lnTo>
                <a:lnTo>
                  <a:pt x="11303000" y="64008"/>
                </a:lnTo>
                <a:lnTo>
                  <a:pt x="11303000" y="76962"/>
                </a:lnTo>
                <a:lnTo>
                  <a:pt x="11430000" y="77724"/>
                </a:lnTo>
                <a:close/>
              </a:path>
              <a:path w="13462000" h="650875">
                <a:moveTo>
                  <a:pt x="11557000" y="75438"/>
                </a:moveTo>
                <a:lnTo>
                  <a:pt x="11557000" y="55626"/>
                </a:lnTo>
                <a:lnTo>
                  <a:pt x="11430000" y="60198"/>
                </a:lnTo>
                <a:lnTo>
                  <a:pt x="11430000" y="76200"/>
                </a:lnTo>
                <a:lnTo>
                  <a:pt x="11557000" y="75438"/>
                </a:lnTo>
                <a:close/>
              </a:path>
              <a:path w="13462000" h="650875">
                <a:moveTo>
                  <a:pt x="11684000" y="73905"/>
                </a:moveTo>
                <a:lnTo>
                  <a:pt x="11684000" y="56591"/>
                </a:lnTo>
                <a:lnTo>
                  <a:pt x="11557000" y="57290"/>
                </a:lnTo>
                <a:lnTo>
                  <a:pt x="11557000" y="75413"/>
                </a:lnTo>
                <a:lnTo>
                  <a:pt x="11684000" y="73905"/>
                </a:lnTo>
                <a:close/>
              </a:path>
              <a:path w="13462000" h="650875">
                <a:moveTo>
                  <a:pt x="11811000" y="69342"/>
                </a:moveTo>
                <a:lnTo>
                  <a:pt x="11811000" y="39624"/>
                </a:lnTo>
                <a:lnTo>
                  <a:pt x="11684000" y="44196"/>
                </a:lnTo>
                <a:lnTo>
                  <a:pt x="11684000" y="79248"/>
                </a:lnTo>
                <a:lnTo>
                  <a:pt x="11811000" y="69342"/>
                </a:lnTo>
                <a:close/>
              </a:path>
              <a:path w="13462000" h="650875">
                <a:moveTo>
                  <a:pt x="11938000" y="71627"/>
                </a:moveTo>
                <a:lnTo>
                  <a:pt x="11938000" y="54863"/>
                </a:lnTo>
                <a:lnTo>
                  <a:pt x="11811000" y="55626"/>
                </a:lnTo>
                <a:lnTo>
                  <a:pt x="11811000" y="71628"/>
                </a:lnTo>
                <a:lnTo>
                  <a:pt x="11938000" y="71627"/>
                </a:lnTo>
                <a:close/>
              </a:path>
              <a:path w="13462000" h="650875">
                <a:moveTo>
                  <a:pt x="12192000" y="23621"/>
                </a:moveTo>
                <a:lnTo>
                  <a:pt x="12192000" y="0"/>
                </a:lnTo>
                <a:lnTo>
                  <a:pt x="12065000" y="0"/>
                </a:lnTo>
                <a:lnTo>
                  <a:pt x="11938000" y="12191"/>
                </a:lnTo>
                <a:lnTo>
                  <a:pt x="11938000" y="100583"/>
                </a:lnTo>
                <a:lnTo>
                  <a:pt x="12065000" y="81533"/>
                </a:lnTo>
                <a:lnTo>
                  <a:pt x="12065000" y="24383"/>
                </a:lnTo>
                <a:lnTo>
                  <a:pt x="12192000" y="23621"/>
                </a:lnTo>
                <a:close/>
              </a:path>
              <a:path w="13462000" h="650875">
                <a:moveTo>
                  <a:pt x="12319000" y="65734"/>
                </a:moveTo>
                <a:lnTo>
                  <a:pt x="12319000" y="28193"/>
                </a:lnTo>
                <a:lnTo>
                  <a:pt x="12192000" y="29717"/>
                </a:lnTo>
                <a:lnTo>
                  <a:pt x="12192000" y="59185"/>
                </a:lnTo>
                <a:lnTo>
                  <a:pt x="12319000" y="65734"/>
                </a:lnTo>
                <a:close/>
              </a:path>
              <a:path w="13462000" h="650875">
                <a:moveTo>
                  <a:pt x="12446000" y="77723"/>
                </a:moveTo>
                <a:lnTo>
                  <a:pt x="12446000" y="27431"/>
                </a:lnTo>
                <a:lnTo>
                  <a:pt x="12319000" y="0"/>
                </a:lnTo>
                <a:lnTo>
                  <a:pt x="12319000" y="77723"/>
                </a:lnTo>
                <a:lnTo>
                  <a:pt x="12446000" y="77723"/>
                </a:lnTo>
                <a:close/>
              </a:path>
              <a:path w="13462000" h="650875">
                <a:moveTo>
                  <a:pt x="12573000" y="62483"/>
                </a:moveTo>
                <a:lnTo>
                  <a:pt x="12573000" y="37337"/>
                </a:lnTo>
                <a:lnTo>
                  <a:pt x="12446000" y="29717"/>
                </a:lnTo>
                <a:lnTo>
                  <a:pt x="12446000" y="59435"/>
                </a:lnTo>
                <a:lnTo>
                  <a:pt x="12573000" y="62483"/>
                </a:lnTo>
                <a:close/>
              </a:path>
              <a:path w="13462000" h="650875">
                <a:moveTo>
                  <a:pt x="12827000" y="30479"/>
                </a:moveTo>
                <a:lnTo>
                  <a:pt x="12827000" y="0"/>
                </a:lnTo>
                <a:lnTo>
                  <a:pt x="12700000" y="0"/>
                </a:lnTo>
                <a:lnTo>
                  <a:pt x="12700000" y="27431"/>
                </a:lnTo>
                <a:lnTo>
                  <a:pt x="12827000" y="30479"/>
                </a:lnTo>
                <a:close/>
              </a:path>
              <a:path w="13462000" h="650875">
                <a:moveTo>
                  <a:pt x="12954000" y="35813"/>
                </a:moveTo>
                <a:lnTo>
                  <a:pt x="12954000" y="21335"/>
                </a:lnTo>
                <a:lnTo>
                  <a:pt x="12827000" y="15239"/>
                </a:lnTo>
                <a:lnTo>
                  <a:pt x="12827000" y="31241"/>
                </a:lnTo>
                <a:lnTo>
                  <a:pt x="12954000" y="35813"/>
                </a:lnTo>
                <a:close/>
              </a:path>
              <a:path w="13462000" h="650875">
                <a:moveTo>
                  <a:pt x="13208000" y="67055"/>
                </a:moveTo>
                <a:lnTo>
                  <a:pt x="13208000" y="60197"/>
                </a:lnTo>
                <a:lnTo>
                  <a:pt x="13081000" y="59435"/>
                </a:lnTo>
                <a:lnTo>
                  <a:pt x="13081000" y="57149"/>
                </a:lnTo>
                <a:lnTo>
                  <a:pt x="12954000" y="54101"/>
                </a:lnTo>
                <a:lnTo>
                  <a:pt x="12954000" y="60197"/>
                </a:lnTo>
                <a:lnTo>
                  <a:pt x="13081000" y="66293"/>
                </a:lnTo>
                <a:lnTo>
                  <a:pt x="13208000" y="67055"/>
                </a:lnTo>
                <a:close/>
              </a:path>
              <a:path w="13462000" h="650875">
                <a:moveTo>
                  <a:pt x="13335000" y="64712"/>
                </a:moveTo>
                <a:lnTo>
                  <a:pt x="13335000" y="57949"/>
                </a:lnTo>
                <a:lnTo>
                  <a:pt x="13208000" y="57859"/>
                </a:lnTo>
                <a:lnTo>
                  <a:pt x="13208000" y="65531"/>
                </a:lnTo>
                <a:lnTo>
                  <a:pt x="13335000" y="64712"/>
                </a:lnTo>
                <a:close/>
              </a:path>
              <a:path w="13462000" h="650875">
                <a:moveTo>
                  <a:pt x="13462000" y="55625"/>
                </a:moveTo>
                <a:lnTo>
                  <a:pt x="13462000" y="48005"/>
                </a:lnTo>
                <a:lnTo>
                  <a:pt x="13335000" y="57375"/>
                </a:lnTo>
                <a:lnTo>
                  <a:pt x="13335000" y="62629"/>
                </a:lnTo>
                <a:lnTo>
                  <a:pt x="13462000" y="55625"/>
                </a:lnTo>
                <a:close/>
              </a:path>
            </a:pathLst>
          </a:custGeom>
          <a:solidFill>
            <a:srgbClr val="FFB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629770" y="3391796"/>
            <a:ext cx="7927489" cy="382793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5805991" y="3391796"/>
            <a:ext cx="2600512" cy="207682"/>
          </a:xfrm>
          <a:custGeom>
            <a:avLst/>
            <a:gdLst/>
            <a:ahLst/>
            <a:cxnLst/>
            <a:rect l="l" t="t" r="r" b="b"/>
            <a:pathLst>
              <a:path w="4420869" h="353060">
                <a:moveTo>
                  <a:pt x="25907" y="0"/>
                </a:moveTo>
                <a:lnTo>
                  <a:pt x="0" y="0"/>
                </a:lnTo>
                <a:lnTo>
                  <a:pt x="761" y="762"/>
                </a:lnTo>
                <a:lnTo>
                  <a:pt x="14477" y="6096"/>
                </a:lnTo>
                <a:lnTo>
                  <a:pt x="25907" y="0"/>
                </a:lnTo>
                <a:close/>
              </a:path>
              <a:path w="4420869" h="353060">
                <a:moveTo>
                  <a:pt x="1785365" y="0"/>
                </a:moveTo>
                <a:lnTo>
                  <a:pt x="1775459" y="0"/>
                </a:lnTo>
                <a:lnTo>
                  <a:pt x="1780031" y="12191"/>
                </a:lnTo>
                <a:lnTo>
                  <a:pt x="1785365" y="0"/>
                </a:lnTo>
                <a:close/>
              </a:path>
              <a:path w="4420869" h="353060">
                <a:moveTo>
                  <a:pt x="1693925" y="325373"/>
                </a:moveTo>
                <a:lnTo>
                  <a:pt x="1685543" y="301751"/>
                </a:lnTo>
                <a:lnTo>
                  <a:pt x="1682495" y="298703"/>
                </a:lnTo>
                <a:lnTo>
                  <a:pt x="1671827" y="292607"/>
                </a:lnTo>
                <a:lnTo>
                  <a:pt x="1658111" y="287273"/>
                </a:lnTo>
                <a:lnTo>
                  <a:pt x="1648205" y="298703"/>
                </a:lnTo>
                <a:lnTo>
                  <a:pt x="1645157" y="305561"/>
                </a:lnTo>
                <a:lnTo>
                  <a:pt x="1642109" y="325373"/>
                </a:lnTo>
                <a:lnTo>
                  <a:pt x="1645157" y="336041"/>
                </a:lnTo>
                <a:lnTo>
                  <a:pt x="1658111" y="352805"/>
                </a:lnTo>
                <a:lnTo>
                  <a:pt x="1671827" y="347471"/>
                </a:lnTo>
                <a:lnTo>
                  <a:pt x="1685543" y="338327"/>
                </a:lnTo>
                <a:lnTo>
                  <a:pt x="1693925" y="325373"/>
                </a:lnTo>
                <a:close/>
              </a:path>
              <a:path w="4420869" h="353060">
                <a:moveTo>
                  <a:pt x="3558540" y="326135"/>
                </a:moveTo>
                <a:lnTo>
                  <a:pt x="3558540" y="325373"/>
                </a:lnTo>
                <a:lnTo>
                  <a:pt x="3544823" y="308609"/>
                </a:lnTo>
                <a:lnTo>
                  <a:pt x="3531869" y="320801"/>
                </a:lnTo>
                <a:lnTo>
                  <a:pt x="3518154" y="307847"/>
                </a:lnTo>
                <a:lnTo>
                  <a:pt x="3506723" y="298703"/>
                </a:lnTo>
                <a:lnTo>
                  <a:pt x="3504437" y="297941"/>
                </a:lnTo>
                <a:lnTo>
                  <a:pt x="3503675" y="298703"/>
                </a:lnTo>
                <a:lnTo>
                  <a:pt x="3490721" y="320039"/>
                </a:lnTo>
                <a:lnTo>
                  <a:pt x="3489959" y="325373"/>
                </a:lnTo>
                <a:lnTo>
                  <a:pt x="3490721" y="329183"/>
                </a:lnTo>
                <a:lnTo>
                  <a:pt x="3504437" y="346709"/>
                </a:lnTo>
                <a:lnTo>
                  <a:pt x="3531869" y="328421"/>
                </a:lnTo>
                <a:lnTo>
                  <a:pt x="3544823" y="338327"/>
                </a:lnTo>
                <a:lnTo>
                  <a:pt x="3558540" y="326135"/>
                </a:lnTo>
                <a:close/>
              </a:path>
              <a:path w="4420869" h="353060">
                <a:moveTo>
                  <a:pt x="4420361" y="217169"/>
                </a:moveTo>
                <a:lnTo>
                  <a:pt x="4407408" y="201167"/>
                </a:lnTo>
                <a:lnTo>
                  <a:pt x="4393692" y="202691"/>
                </a:lnTo>
                <a:lnTo>
                  <a:pt x="4386833" y="217169"/>
                </a:lnTo>
                <a:lnTo>
                  <a:pt x="4393692" y="231647"/>
                </a:lnTo>
                <a:lnTo>
                  <a:pt x="4407408" y="231647"/>
                </a:lnTo>
                <a:lnTo>
                  <a:pt x="4420361" y="217169"/>
                </a:lnTo>
                <a:close/>
              </a:path>
            </a:pathLst>
          </a:custGeom>
          <a:solidFill>
            <a:srgbClr val="00F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852992" y="3487494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5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916416" y="3423621"/>
            <a:ext cx="0" cy="127747"/>
          </a:xfrm>
          <a:custGeom>
            <a:avLst/>
            <a:gdLst/>
            <a:ahLst/>
            <a:cxnLst/>
            <a:rect l="l" t="t" r="r" b="b"/>
            <a:pathLst>
              <a:path h="217170">
                <a:moveTo>
                  <a:pt x="0" y="0"/>
                </a:moveTo>
                <a:lnTo>
                  <a:pt x="0" y="217169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852992" y="3423621"/>
            <a:ext cx="127000" cy="127747"/>
          </a:xfrm>
          <a:custGeom>
            <a:avLst/>
            <a:gdLst/>
            <a:ahLst/>
            <a:cxnLst/>
            <a:rect l="l" t="t" r="r" b="b"/>
            <a:pathLst>
              <a:path w="215900" h="217170">
                <a:moveTo>
                  <a:pt x="107441" y="108965"/>
                </a:moveTo>
                <a:lnTo>
                  <a:pt x="0" y="108965"/>
                </a:lnTo>
                <a:lnTo>
                  <a:pt x="0" y="108203"/>
                </a:lnTo>
                <a:lnTo>
                  <a:pt x="107441" y="108203"/>
                </a:lnTo>
                <a:lnTo>
                  <a:pt x="107441" y="0"/>
                </a:lnTo>
                <a:lnTo>
                  <a:pt x="108203" y="0"/>
                </a:lnTo>
                <a:lnTo>
                  <a:pt x="108203" y="108203"/>
                </a:lnTo>
                <a:lnTo>
                  <a:pt x="215645" y="108203"/>
                </a:lnTo>
                <a:lnTo>
                  <a:pt x="215645" y="108965"/>
                </a:lnTo>
                <a:lnTo>
                  <a:pt x="108203" y="108965"/>
                </a:lnTo>
                <a:lnTo>
                  <a:pt x="108203" y="217169"/>
                </a:lnTo>
                <a:lnTo>
                  <a:pt x="107441" y="217169"/>
                </a:lnTo>
                <a:lnTo>
                  <a:pt x="107441" y="108965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982980" y="3447826"/>
            <a:ext cx="172122" cy="155985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2298102" y="3487494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5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2361527" y="3423621"/>
            <a:ext cx="0" cy="127747"/>
          </a:xfrm>
          <a:custGeom>
            <a:avLst/>
            <a:gdLst/>
            <a:ahLst/>
            <a:cxnLst/>
            <a:rect l="l" t="t" r="r" b="b"/>
            <a:pathLst>
              <a:path h="217170">
                <a:moveTo>
                  <a:pt x="0" y="0"/>
                </a:moveTo>
                <a:lnTo>
                  <a:pt x="0" y="217169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2298102" y="3423621"/>
            <a:ext cx="127000" cy="127747"/>
          </a:xfrm>
          <a:custGeom>
            <a:avLst/>
            <a:gdLst/>
            <a:ahLst/>
            <a:cxnLst/>
            <a:rect l="l" t="t" r="r" b="b"/>
            <a:pathLst>
              <a:path w="215900" h="217170">
                <a:moveTo>
                  <a:pt x="107441" y="108965"/>
                </a:moveTo>
                <a:lnTo>
                  <a:pt x="0" y="108965"/>
                </a:lnTo>
                <a:lnTo>
                  <a:pt x="0" y="108203"/>
                </a:lnTo>
                <a:lnTo>
                  <a:pt x="107441" y="108203"/>
                </a:lnTo>
                <a:lnTo>
                  <a:pt x="107441" y="0"/>
                </a:lnTo>
                <a:lnTo>
                  <a:pt x="108203" y="0"/>
                </a:lnTo>
                <a:lnTo>
                  <a:pt x="108203" y="108203"/>
                </a:lnTo>
                <a:lnTo>
                  <a:pt x="215645" y="108203"/>
                </a:lnTo>
                <a:lnTo>
                  <a:pt x="215645" y="108965"/>
                </a:lnTo>
                <a:lnTo>
                  <a:pt x="108203" y="108965"/>
                </a:lnTo>
                <a:lnTo>
                  <a:pt x="108203" y="217169"/>
                </a:lnTo>
                <a:lnTo>
                  <a:pt x="107441" y="217169"/>
                </a:lnTo>
                <a:lnTo>
                  <a:pt x="107441" y="108965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2427642" y="3447826"/>
            <a:ext cx="172122" cy="153296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3852582" y="3487494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3916008" y="3423621"/>
            <a:ext cx="0" cy="127747"/>
          </a:xfrm>
          <a:custGeom>
            <a:avLst/>
            <a:gdLst/>
            <a:ahLst/>
            <a:cxnLst/>
            <a:rect l="l" t="t" r="r" b="b"/>
            <a:pathLst>
              <a:path h="217170">
                <a:moveTo>
                  <a:pt x="0" y="0"/>
                </a:moveTo>
                <a:lnTo>
                  <a:pt x="0" y="217169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3852582" y="3423621"/>
            <a:ext cx="127000" cy="127747"/>
          </a:xfrm>
          <a:custGeom>
            <a:avLst/>
            <a:gdLst/>
            <a:ahLst/>
            <a:cxnLst/>
            <a:rect l="l" t="t" r="r" b="b"/>
            <a:pathLst>
              <a:path w="215900" h="217170">
                <a:moveTo>
                  <a:pt x="107442" y="108965"/>
                </a:moveTo>
                <a:lnTo>
                  <a:pt x="0" y="108965"/>
                </a:lnTo>
                <a:lnTo>
                  <a:pt x="0" y="108203"/>
                </a:lnTo>
                <a:lnTo>
                  <a:pt x="107442" y="108203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8203"/>
                </a:lnTo>
                <a:lnTo>
                  <a:pt x="215646" y="108203"/>
                </a:lnTo>
                <a:lnTo>
                  <a:pt x="215646" y="108965"/>
                </a:lnTo>
                <a:lnTo>
                  <a:pt x="108204" y="108965"/>
                </a:lnTo>
                <a:lnTo>
                  <a:pt x="108204" y="217169"/>
                </a:lnTo>
                <a:lnTo>
                  <a:pt x="107442" y="217169"/>
                </a:lnTo>
                <a:lnTo>
                  <a:pt x="107442" y="108965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3982122" y="3447826"/>
            <a:ext cx="172122" cy="153296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5390477" y="3487494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5453902" y="3423621"/>
            <a:ext cx="0" cy="127747"/>
          </a:xfrm>
          <a:custGeom>
            <a:avLst/>
            <a:gdLst/>
            <a:ahLst/>
            <a:cxnLst/>
            <a:rect l="l" t="t" r="r" b="b"/>
            <a:pathLst>
              <a:path h="217170">
                <a:moveTo>
                  <a:pt x="0" y="0"/>
                </a:moveTo>
                <a:lnTo>
                  <a:pt x="0" y="217169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5390477" y="3423621"/>
            <a:ext cx="127000" cy="127747"/>
          </a:xfrm>
          <a:custGeom>
            <a:avLst/>
            <a:gdLst/>
            <a:ahLst/>
            <a:cxnLst/>
            <a:rect l="l" t="t" r="r" b="b"/>
            <a:pathLst>
              <a:path w="215900" h="217170">
                <a:moveTo>
                  <a:pt x="107442" y="108965"/>
                </a:moveTo>
                <a:lnTo>
                  <a:pt x="0" y="108965"/>
                </a:lnTo>
                <a:lnTo>
                  <a:pt x="0" y="108203"/>
                </a:lnTo>
                <a:lnTo>
                  <a:pt x="107442" y="108203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8203"/>
                </a:lnTo>
                <a:lnTo>
                  <a:pt x="215646" y="108203"/>
                </a:lnTo>
                <a:lnTo>
                  <a:pt x="215646" y="108965"/>
                </a:lnTo>
                <a:lnTo>
                  <a:pt x="108204" y="108965"/>
                </a:lnTo>
                <a:lnTo>
                  <a:pt x="108204" y="217169"/>
                </a:lnTo>
                <a:lnTo>
                  <a:pt x="107442" y="217169"/>
                </a:lnTo>
                <a:lnTo>
                  <a:pt x="107442" y="108965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5520466" y="3447826"/>
            <a:ext cx="172122" cy="155985"/>
          </a:xfrm>
          <a:prstGeom prst="rect">
            <a:avLst/>
          </a:prstGeom>
          <a:blipFill>
            <a:blip r:embed="rId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6918959" y="3487494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6982385" y="3423621"/>
            <a:ext cx="0" cy="127747"/>
          </a:xfrm>
          <a:custGeom>
            <a:avLst/>
            <a:gdLst/>
            <a:ahLst/>
            <a:cxnLst/>
            <a:rect l="l" t="t" r="r" b="b"/>
            <a:pathLst>
              <a:path h="217170">
                <a:moveTo>
                  <a:pt x="0" y="0"/>
                </a:moveTo>
                <a:lnTo>
                  <a:pt x="0" y="217169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6918959" y="3423621"/>
            <a:ext cx="127000" cy="127747"/>
          </a:xfrm>
          <a:custGeom>
            <a:avLst/>
            <a:gdLst/>
            <a:ahLst/>
            <a:cxnLst/>
            <a:rect l="l" t="t" r="r" b="b"/>
            <a:pathLst>
              <a:path w="215900" h="217170">
                <a:moveTo>
                  <a:pt x="107442" y="108965"/>
                </a:moveTo>
                <a:lnTo>
                  <a:pt x="0" y="108965"/>
                </a:lnTo>
                <a:lnTo>
                  <a:pt x="0" y="108203"/>
                </a:lnTo>
                <a:lnTo>
                  <a:pt x="107442" y="108203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8203"/>
                </a:lnTo>
                <a:lnTo>
                  <a:pt x="215646" y="108203"/>
                </a:lnTo>
                <a:lnTo>
                  <a:pt x="215646" y="108965"/>
                </a:lnTo>
                <a:lnTo>
                  <a:pt x="108204" y="108965"/>
                </a:lnTo>
                <a:lnTo>
                  <a:pt x="108204" y="217169"/>
                </a:lnTo>
                <a:lnTo>
                  <a:pt x="107442" y="217169"/>
                </a:lnTo>
                <a:lnTo>
                  <a:pt x="107442" y="108965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/>
          <p:nvPr/>
        </p:nvSpPr>
        <p:spPr>
          <a:xfrm>
            <a:off x="7048948" y="3447826"/>
            <a:ext cx="172122" cy="155985"/>
          </a:xfrm>
          <a:prstGeom prst="rect">
            <a:avLst/>
          </a:prstGeom>
          <a:blipFill>
            <a:blip r:embed="rId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/>
          <p:nvPr/>
        </p:nvSpPr>
        <p:spPr>
          <a:xfrm>
            <a:off x="8487335" y="3487494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/>
          <p:nvPr/>
        </p:nvSpPr>
        <p:spPr>
          <a:xfrm>
            <a:off x="8550760" y="3423621"/>
            <a:ext cx="0" cy="127747"/>
          </a:xfrm>
          <a:custGeom>
            <a:avLst/>
            <a:gdLst/>
            <a:ahLst/>
            <a:cxnLst/>
            <a:rect l="l" t="t" r="r" b="b"/>
            <a:pathLst>
              <a:path h="217170">
                <a:moveTo>
                  <a:pt x="0" y="0"/>
                </a:moveTo>
                <a:lnTo>
                  <a:pt x="0" y="217169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8487335" y="3423621"/>
            <a:ext cx="127000" cy="127747"/>
          </a:xfrm>
          <a:custGeom>
            <a:avLst/>
            <a:gdLst/>
            <a:ahLst/>
            <a:cxnLst/>
            <a:rect l="l" t="t" r="r" b="b"/>
            <a:pathLst>
              <a:path w="215900" h="217170">
                <a:moveTo>
                  <a:pt x="107442" y="108965"/>
                </a:moveTo>
                <a:lnTo>
                  <a:pt x="0" y="108965"/>
                </a:lnTo>
                <a:lnTo>
                  <a:pt x="0" y="108203"/>
                </a:lnTo>
                <a:lnTo>
                  <a:pt x="107442" y="108203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8203"/>
                </a:lnTo>
                <a:lnTo>
                  <a:pt x="215646" y="108203"/>
                </a:lnTo>
                <a:lnTo>
                  <a:pt x="215646" y="108965"/>
                </a:lnTo>
                <a:lnTo>
                  <a:pt x="108204" y="108965"/>
                </a:lnTo>
                <a:lnTo>
                  <a:pt x="108204" y="217169"/>
                </a:lnTo>
                <a:lnTo>
                  <a:pt x="107442" y="217169"/>
                </a:lnTo>
                <a:lnTo>
                  <a:pt x="107442" y="108965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8619116" y="3447826"/>
            <a:ext cx="168536" cy="155985"/>
          </a:xfrm>
          <a:prstGeom prst="rect">
            <a:avLst/>
          </a:prstGeom>
          <a:blipFill>
            <a:blip r:embed="rId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/>
          <p:nvPr/>
        </p:nvSpPr>
        <p:spPr>
          <a:xfrm>
            <a:off x="1592131" y="3678891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/>
          <p:nvPr/>
        </p:nvSpPr>
        <p:spPr>
          <a:xfrm>
            <a:off x="1655557" y="3615017"/>
            <a:ext cx="0" cy="127747"/>
          </a:xfrm>
          <a:custGeom>
            <a:avLst/>
            <a:gdLst/>
            <a:ahLst/>
            <a:cxnLst/>
            <a:rect l="l" t="t" r="r" b="b"/>
            <a:pathLst>
              <a:path h="217170">
                <a:moveTo>
                  <a:pt x="0" y="0"/>
                </a:moveTo>
                <a:lnTo>
                  <a:pt x="0" y="217169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/>
          <p:nvPr/>
        </p:nvSpPr>
        <p:spPr>
          <a:xfrm>
            <a:off x="1592131" y="3615017"/>
            <a:ext cx="127000" cy="127747"/>
          </a:xfrm>
          <a:custGeom>
            <a:avLst/>
            <a:gdLst/>
            <a:ahLst/>
            <a:cxnLst/>
            <a:rect l="l" t="t" r="r" b="b"/>
            <a:pathLst>
              <a:path w="215900" h="217170">
                <a:moveTo>
                  <a:pt x="107442" y="108965"/>
                </a:moveTo>
                <a:lnTo>
                  <a:pt x="0" y="108965"/>
                </a:lnTo>
                <a:lnTo>
                  <a:pt x="0" y="108203"/>
                </a:lnTo>
                <a:lnTo>
                  <a:pt x="107442" y="108203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8203"/>
                </a:lnTo>
                <a:lnTo>
                  <a:pt x="215646" y="108203"/>
                </a:lnTo>
                <a:lnTo>
                  <a:pt x="215646" y="108965"/>
                </a:lnTo>
                <a:lnTo>
                  <a:pt x="108204" y="108965"/>
                </a:lnTo>
                <a:lnTo>
                  <a:pt x="108204" y="217169"/>
                </a:lnTo>
                <a:lnTo>
                  <a:pt x="107442" y="217169"/>
                </a:lnTo>
                <a:lnTo>
                  <a:pt x="107442" y="108965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/>
          <p:nvPr/>
        </p:nvSpPr>
        <p:spPr>
          <a:xfrm>
            <a:off x="1721672" y="3639223"/>
            <a:ext cx="190052" cy="153296"/>
          </a:xfrm>
          <a:prstGeom prst="rect">
            <a:avLst/>
          </a:prstGeom>
          <a:blipFill>
            <a:blip r:embed="rId1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/>
          <p:nvPr/>
        </p:nvSpPr>
        <p:spPr>
          <a:xfrm>
            <a:off x="3091479" y="3678891"/>
            <a:ext cx="126626" cy="0"/>
          </a:xfrm>
          <a:custGeom>
            <a:avLst/>
            <a:gdLst/>
            <a:ahLst/>
            <a:cxnLst/>
            <a:rect l="l" t="t" r="r" b="b"/>
            <a:pathLst>
              <a:path w="215264">
                <a:moveTo>
                  <a:pt x="0" y="0"/>
                </a:moveTo>
                <a:lnTo>
                  <a:pt x="214883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3" name="object 43"/>
          <p:cNvSpPr/>
          <p:nvPr/>
        </p:nvSpPr>
        <p:spPr>
          <a:xfrm>
            <a:off x="3091479" y="3615017"/>
            <a:ext cx="126626" cy="127747"/>
          </a:xfrm>
          <a:custGeom>
            <a:avLst/>
            <a:gdLst/>
            <a:ahLst/>
            <a:cxnLst/>
            <a:rect l="l" t="t" r="r" b="b"/>
            <a:pathLst>
              <a:path w="215264" h="217170">
                <a:moveTo>
                  <a:pt x="107441" y="108965"/>
                </a:moveTo>
                <a:lnTo>
                  <a:pt x="0" y="108965"/>
                </a:lnTo>
                <a:lnTo>
                  <a:pt x="0" y="108203"/>
                </a:lnTo>
                <a:lnTo>
                  <a:pt x="107441" y="108203"/>
                </a:lnTo>
                <a:lnTo>
                  <a:pt x="107441" y="0"/>
                </a:lnTo>
                <a:lnTo>
                  <a:pt x="107441" y="108203"/>
                </a:lnTo>
                <a:lnTo>
                  <a:pt x="214883" y="108203"/>
                </a:lnTo>
                <a:lnTo>
                  <a:pt x="214883" y="108965"/>
                </a:lnTo>
                <a:lnTo>
                  <a:pt x="107441" y="108965"/>
                </a:lnTo>
                <a:lnTo>
                  <a:pt x="107441" y="217169"/>
                </a:lnTo>
                <a:lnTo>
                  <a:pt x="107441" y="108965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4" name="object 44"/>
          <p:cNvSpPr/>
          <p:nvPr/>
        </p:nvSpPr>
        <p:spPr>
          <a:xfrm>
            <a:off x="3221019" y="3639223"/>
            <a:ext cx="190052" cy="155985"/>
          </a:xfrm>
          <a:prstGeom prst="rect">
            <a:avLst/>
          </a:prstGeom>
          <a:blipFill>
            <a:blip r:embed="rId1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5" name="object 45"/>
          <p:cNvSpPr/>
          <p:nvPr/>
        </p:nvSpPr>
        <p:spPr>
          <a:xfrm>
            <a:off x="4603376" y="3678891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6" name="object 46"/>
          <p:cNvSpPr/>
          <p:nvPr/>
        </p:nvSpPr>
        <p:spPr>
          <a:xfrm>
            <a:off x="4666802" y="3615017"/>
            <a:ext cx="0" cy="127747"/>
          </a:xfrm>
          <a:custGeom>
            <a:avLst/>
            <a:gdLst/>
            <a:ahLst/>
            <a:cxnLst/>
            <a:rect l="l" t="t" r="r" b="b"/>
            <a:pathLst>
              <a:path h="217170">
                <a:moveTo>
                  <a:pt x="0" y="0"/>
                </a:moveTo>
                <a:lnTo>
                  <a:pt x="0" y="217169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7" name="object 47"/>
          <p:cNvSpPr/>
          <p:nvPr/>
        </p:nvSpPr>
        <p:spPr>
          <a:xfrm>
            <a:off x="4603376" y="3615017"/>
            <a:ext cx="127000" cy="127747"/>
          </a:xfrm>
          <a:custGeom>
            <a:avLst/>
            <a:gdLst/>
            <a:ahLst/>
            <a:cxnLst/>
            <a:rect l="l" t="t" r="r" b="b"/>
            <a:pathLst>
              <a:path w="215900" h="217170">
                <a:moveTo>
                  <a:pt x="107442" y="108965"/>
                </a:moveTo>
                <a:lnTo>
                  <a:pt x="0" y="108965"/>
                </a:lnTo>
                <a:lnTo>
                  <a:pt x="0" y="108203"/>
                </a:lnTo>
                <a:lnTo>
                  <a:pt x="107442" y="108203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8203"/>
                </a:lnTo>
                <a:lnTo>
                  <a:pt x="215646" y="108203"/>
                </a:lnTo>
                <a:lnTo>
                  <a:pt x="215646" y="108965"/>
                </a:lnTo>
                <a:lnTo>
                  <a:pt x="108204" y="108965"/>
                </a:lnTo>
                <a:lnTo>
                  <a:pt x="108204" y="217169"/>
                </a:lnTo>
                <a:lnTo>
                  <a:pt x="107442" y="217169"/>
                </a:lnTo>
                <a:lnTo>
                  <a:pt x="107442" y="108965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8" name="object 48"/>
          <p:cNvSpPr/>
          <p:nvPr/>
        </p:nvSpPr>
        <p:spPr>
          <a:xfrm>
            <a:off x="4733364" y="3639223"/>
            <a:ext cx="190052" cy="155985"/>
          </a:xfrm>
          <a:prstGeom prst="rect">
            <a:avLst/>
          </a:prstGeom>
          <a:blipFill>
            <a:blip r:embed="rId1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9" name="object 49"/>
          <p:cNvSpPr/>
          <p:nvPr/>
        </p:nvSpPr>
        <p:spPr>
          <a:xfrm>
            <a:off x="6187439" y="3678891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0" name="object 50"/>
          <p:cNvSpPr/>
          <p:nvPr/>
        </p:nvSpPr>
        <p:spPr>
          <a:xfrm>
            <a:off x="6250865" y="3615017"/>
            <a:ext cx="0" cy="127747"/>
          </a:xfrm>
          <a:custGeom>
            <a:avLst/>
            <a:gdLst/>
            <a:ahLst/>
            <a:cxnLst/>
            <a:rect l="l" t="t" r="r" b="b"/>
            <a:pathLst>
              <a:path h="217170">
                <a:moveTo>
                  <a:pt x="0" y="0"/>
                </a:moveTo>
                <a:lnTo>
                  <a:pt x="0" y="217169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1" name="object 51"/>
          <p:cNvSpPr/>
          <p:nvPr/>
        </p:nvSpPr>
        <p:spPr>
          <a:xfrm>
            <a:off x="6187439" y="3615017"/>
            <a:ext cx="127000" cy="127747"/>
          </a:xfrm>
          <a:custGeom>
            <a:avLst/>
            <a:gdLst/>
            <a:ahLst/>
            <a:cxnLst/>
            <a:rect l="l" t="t" r="r" b="b"/>
            <a:pathLst>
              <a:path w="215900" h="217170">
                <a:moveTo>
                  <a:pt x="107442" y="108965"/>
                </a:moveTo>
                <a:lnTo>
                  <a:pt x="0" y="108965"/>
                </a:lnTo>
                <a:lnTo>
                  <a:pt x="0" y="108203"/>
                </a:lnTo>
                <a:lnTo>
                  <a:pt x="107442" y="108203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8203"/>
                </a:lnTo>
                <a:lnTo>
                  <a:pt x="215646" y="108203"/>
                </a:lnTo>
                <a:lnTo>
                  <a:pt x="215646" y="108965"/>
                </a:lnTo>
                <a:lnTo>
                  <a:pt x="108204" y="108965"/>
                </a:lnTo>
                <a:lnTo>
                  <a:pt x="108204" y="217169"/>
                </a:lnTo>
                <a:lnTo>
                  <a:pt x="107442" y="217169"/>
                </a:lnTo>
                <a:lnTo>
                  <a:pt x="107442" y="108965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2" name="object 52"/>
          <p:cNvSpPr/>
          <p:nvPr/>
        </p:nvSpPr>
        <p:spPr>
          <a:xfrm>
            <a:off x="6317428" y="3639223"/>
            <a:ext cx="190052" cy="153296"/>
          </a:xfrm>
          <a:prstGeom prst="rect">
            <a:avLst/>
          </a:prstGeom>
          <a:blipFill>
            <a:blip r:embed="rId1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3" name="object 53"/>
          <p:cNvSpPr/>
          <p:nvPr/>
        </p:nvSpPr>
        <p:spPr>
          <a:xfrm>
            <a:off x="7718611" y="3678891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4" name="object 54"/>
          <p:cNvSpPr/>
          <p:nvPr/>
        </p:nvSpPr>
        <p:spPr>
          <a:xfrm>
            <a:off x="7782036" y="3615017"/>
            <a:ext cx="0" cy="127747"/>
          </a:xfrm>
          <a:custGeom>
            <a:avLst/>
            <a:gdLst/>
            <a:ahLst/>
            <a:cxnLst/>
            <a:rect l="l" t="t" r="r" b="b"/>
            <a:pathLst>
              <a:path h="217170">
                <a:moveTo>
                  <a:pt x="0" y="0"/>
                </a:moveTo>
                <a:lnTo>
                  <a:pt x="0" y="217169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5" name="object 55"/>
          <p:cNvSpPr/>
          <p:nvPr/>
        </p:nvSpPr>
        <p:spPr>
          <a:xfrm>
            <a:off x="7718611" y="3615017"/>
            <a:ext cx="127000" cy="127747"/>
          </a:xfrm>
          <a:custGeom>
            <a:avLst/>
            <a:gdLst/>
            <a:ahLst/>
            <a:cxnLst/>
            <a:rect l="l" t="t" r="r" b="b"/>
            <a:pathLst>
              <a:path w="215900" h="217170">
                <a:moveTo>
                  <a:pt x="107442" y="108965"/>
                </a:moveTo>
                <a:lnTo>
                  <a:pt x="0" y="108965"/>
                </a:lnTo>
                <a:lnTo>
                  <a:pt x="0" y="108203"/>
                </a:lnTo>
                <a:lnTo>
                  <a:pt x="107442" y="108203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8203"/>
                </a:lnTo>
                <a:lnTo>
                  <a:pt x="215646" y="108203"/>
                </a:lnTo>
                <a:lnTo>
                  <a:pt x="215646" y="108965"/>
                </a:lnTo>
                <a:lnTo>
                  <a:pt x="108204" y="108965"/>
                </a:lnTo>
                <a:lnTo>
                  <a:pt x="108204" y="217169"/>
                </a:lnTo>
                <a:lnTo>
                  <a:pt x="107442" y="217169"/>
                </a:lnTo>
                <a:lnTo>
                  <a:pt x="107442" y="108965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6" name="object 56"/>
          <p:cNvSpPr/>
          <p:nvPr/>
        </p:nvSpPr>
        <p:spPr>
          <a:xfrm>
            <a:off x="7848599" y="3639223"/>
            <a:ext cx="190052" cy="155985"/>
          </a:xfrm>
          <a:prstGeom prst="rect">
            <a:avLst/>
          </a:prstGeom>
          <a:blipFill>
            <a:blip r:embed="rId1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7" name="object 57"/>
          <p:cNvSpPr/>
          <p:nvPr/>
        </p:nvSpPr>
        <p:spPr>
          <a:xfrm>
            <a:off x="605118" y="3774589"/>
            <a:ext cx="7977467" cy="0"/>
          </a:xfrm>
          <a:custGeom>
            <a:avLst/>
            <a:gdLst/>
            <a:ahLst/>
            <a:cxnLst/>
            <a:rect l="l" t="t" r="r" b="b"/>
            <a:pathLst>
              <a:path w="13561694">
                <a:moveTo>
                  <a:pt x="13561313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8" name="object 58"/>
          <p:cNvSpPr/>
          <p:nvPr/>
        </p:nvSpPr>
        <p:spPr>
          <a:xfrm>
            <a:off x="709556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9" name="object 59"/>
          <p:cNvSpPr/>
          <p:nvPr/>
        </p:nvSpPr>
        <p:spPr>
          <a:xfrm>
            <a:off x="868232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0" name="object 60"/>
          <p:cNvSpPr/>
          <p:nvPr/>
        </p:nvSpPr>
        <p:spPr>
          <a:xfrm>
            <a:off x="1185134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1" name="object 61"/>
          <p:cNvSpPr/>
          <p:nvPr/>
        </p:nvSpPr>
        <p:spPr>
          <a:xfrm>
            <a:off x="1343809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2" name="object 62"/>
          <p:cNvSpPr/>
          <p:nvPr/>
        </p:nvSpPr>
        <p:spPr>
          <a:xfrm>
            <a:off x="1502484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3" name="object 63"/>
          <p:cNvSpPr/>
          <p:nvPr/>
        </p:nvSpPr>
        <p:spPr>
          <a:xfrm>
            <a:off x="1660712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4" name="object 64"/>
          <p:cNvSpPr/>
          <p:nvPr/>
        </p:nvSpPr>
        <p:spPr>
          <a:xfrm>
            <a:off x="1978062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5" name="object 65"/>
          <p:cNvSpPr/>
          <p:nvPr/>
        </p:nvSpPr>
        <p:spPr>
          <a:xfrm>
            <a:off x="2136289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6" name="object 66"/>
          <p:cNvSpPr/>
          <p:nvPr/>
        </p:nvSpPr>
        <p:spPr>
          <a:xfrm>
            <a:off x="2294965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7" name="object 67"/>
          <p:cNvSpPr/>
          <p:nvPr/>
        </p:nvSpPr>
        <p:spPr>
          <a:xfrm>
            <a:off x="2453640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8" name="object 68"/>
          <p:cNvSpPr/>
          <p:nvPr/>
        </p:nvSpPr>
        <p:spPr>
          <a:xfrm>
            <a:off x="2770542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9" name="object 69"/>
          <p:cNvSpPr/>
          <p:nvPr/>
        </p:nvSpPr>
        <p:spPr>
          <a:xfrm>
            <a:off x="2929218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0" name="object 70"/>
          <p:cNvSpPr/>
          <p:nvPr/>
        </p:nvSpPr>
        <p:spPr>
          <a:xfrm>
            <a:off x="3087892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1" name="object 71"/>
          <p:cNvSpPr/>
          <p:nvPr/>
        </p:nvSpPr>
        <p:spPr>
          <a:xfrm>
            <a:off x="3246119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2" name="object 72"/>
          <p:cNvSpPr/>
          <p:nvPr/>
        </p:nvSpPr>
        <p:spPr>
          <a:xfrm>
            <a:off x="3563471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3" name="object 73"/>
          <p:cNvSpPr/>
          <p:nvPr/>
        </p:nvSpPr>
        <p:spPr>
          <a:xfrm>
            <a:off x="3721697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4" name="object 74"/>
          <p:cNvSpPr/>
          <p:nvPr/>
        </p:nvSpPr>
        <p:spPr>
          <a:xfrm>
            <a:off x="3880372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5" name="object 75"/>
          <p:cNvSpPr/>
          <p:nvPr/>
        </p:nvSpPr>
        <p:spPr>
          <a:xfrm>
            <a:off x="4039048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6" name="object 76"/>
          <p:cNvSpPr/>
          <p:nvPr/>
        </p:nvSpPr>
        <p:spPr>
          <a:xfrm>
            <a:off x="4355951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7" name="object 77"/>
          <p:cNvSpPr/>
          <p:nvPr/>
        </p:nvSpPr>
        <p:spPr>
          <a:xfrm>
            <a:off x="4514626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8" name="object 78"/>
          <p:cNvSpPr/>
          <p:nvPr/>
        </p:nvSpPr>
        <p:spPr>
          <a:xfrm>
            <a:off x="4672853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9" name="object 79"/>
          <p:cNvSpPr/>
          <p:nvPr/>
        </p:nvSpPr>
        <p:spPr>
          <a:xfrm>
            <a:off x="4831528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0" name="object 80"/>
          <p:cNvSpPr/>
          <p:nvPr/>
        </p:nvSpPr>
        <p:spPr>
          <a:xfrm>
            <a:off x="5148430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1" name="object 81"/>
          <p:cNvSpPr/>
          <p:nvPr/>
        </p:nvSpPr>
        <p:spPr>
          <a:xfrm>
            <a:off x="5307106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2" name="object 82"/>
          <p:cNvSpPr/>
          <p:nvPr/>
        </p:nvSpPr>
        <p:spPr>
          <a:xfrm>
            <a:off x="5465781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3" name="object 83"/>
          <p:cNvSpPr/>
          <p:nvPr/>
        </p:nvSpPr>
        <p:spPr>
          <a:xfrm>
            <a:off x="5624456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4" name="object 84"/>
          <p:cNvSpPr/>
          <p:nvPr/>
        </p:nvSpPr>
        <p:spPr>
          <a:xfrm>
            <a:off x="5941358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5" name="object 85"/>
          <p:cNvSpPr/>
          <p:nvPr/>
        </p:nvSpPr>
        <p:spPr>
          <a:xfrm>
            <a:off x="6100034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6" name="object 86"/>
          <p:cNvSpPr/>
          <p:nvPr/>
        </p:nvSpPr>
        <p:spPr>
          <a:xfrm>
            <a:off x="6258261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7" name="object 87"/>
          <p:cNvSpPr/>
          <p:nvPr/>
        </p:nvSpPr>
        <p:spPr>
          <a:xfrm>
            <a:off x="6416936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8" name="object 88"/>
          <p:cNvSpPr/>
          <p:nvPr/>
        </p:nvSpPr>
        <p:spPr>
          <a:xfrm>
            <a:off x="6733839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9" name="object 89"/>
          <p:cNvSpPr/>
          <p:nvPr/>
        </p:nvSpPr>
        <p:spPr>
          <a:xfrm>
            <a:off x="6892514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0" name="object 90"/>
          <p:cNvSpPr/>
          <p:nvPr/>
        </p:nvSpPr>
        <p:spPr>
          <a:xfrm>
            <a:off x="7051189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1" name="object 91"/>
          <p:cNvSpPr/>
          <p:nvPr/>
        </p:nvSpPr>
        <p:spPr>
          <a:xfrm>
            <a:off x="7209416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2" name="object 92"/>
          <p:cNvSpPr/>
          <p:nvPr/>
        </p:nvSpPr>
        <p:spPr>
          <a:xfrm>
            <a:off x="7526767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3" name="object 93"/>
          <p:cNvSpPr/>
          <p:nvPr/>
        </p:nvSpPr>
        <p:spPr>
          <a:xfrm>
            <a:off x="7684994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4" name="object 94"/>
          <p:cNvSpPr/>
          <p:nvPr/>
        </p:nvSpPr>
        <p:spPr>
          <a:xfrm>
            <a:off x="7843669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5" name="object 95"/>
          <p:cNvSpPr/>
          <p:nvPr/>
        </p:nvSpPr>
        <p:spPr>
          <a:xfrm>
            <a:off x="8002345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6" name="object 96"/>
          <p:cNvSpPr/>
          <p:nvPr/>
        </p:nvSpPr>
        <p:spPr>
          <a:xfrm>
            <a:off x="8319246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7" name="object 97"/>
          <p:cNvSpPr/>
          <p:nvPr/>
        </p:nvSpPr>
        <p:spPr>
          <a:xfrm>
            <a:off x="8477922" y="3774589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4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8" name="object 98"/>
          <p:cNvSpPr/>
          <p:nvPr/>
        </p:nvSpPr>
        <p:spPr>
          <a:xfrm>
            <a:off x="1026907" y="3774589"/>
            <a:ext cx="0" cy="38847"/>
          </a:xfrm>
          <a:custGeom>
            <a:avLst/>
            <a:gdLst/>
            <a:ahLst/>
            <a:cxnLst/>
            <a:rect l="l" t="t" r="r" b="b"/>
            <a:pathLst>
              <a:path h="66039">
                <a:moveTo>
                  <a:pt x="0" y="65532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9" name="object 99"/>
          <p:cNvSpPr/>
          <p:nvPr/>
        </p:nvSpPr>
        <p:spPr>
          <a:xfrm>
            <a:off x="1819386" y="3774589"/>
            <a:ext cx="0" cy="38847"/>
          </a:xfrm>
          <a:custGeom>
            <a:avLst/>
            <a:gdLst/>
            <a:ahLst/>
            <a:cxnLst/>
            <a:rect l="l" t="t" r="r" b="b"/>
            <a:pathLst>
              <a:path h="66039">
                <a:moveTo>
                  <a:pt x="0" y="65532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0" name="object 100"/>
          <p:cNvSpPr/>
          <p:nvPr/>
        </p:nvSpPr>
        <p:spPr>
          <a:xfrm>
            <a:off x="2612315" y="3774589"/>
            <a:ext cx="0" cy="38847"/>
          </a:xfrm>
          <a:custGeom>
            <a:avLst/>
            <a:gdLst/>
            <a:ahLst/>
            <a:cxnLst/>
            <a:rect l="l" t="t" r="r" b="b"/>
            <a:pathLst>
              <a:path h="66039">
                <a:moveTo>
                  <a:pt x="0" y="65532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1" name="object 101"/>
          <p:cNvSpPr/>
          <p:nvPr/>
        </p:nvSpPr>
        <p:spPr>
          <a:xfrm>
            <a:off x="3404795" y="3774589"/>
            <a:ext cx="0" cy="38847"/>
          </a:xfrm>
          <a:custGeom>
            <a:avLst/>
            <a:gdLst/>
            <a:ahLst/>
            <a:cxnLst/>
            <a:rect l="l" t="t" r="r" b="b"/>
            <a:pathLst>
              <a:path h="66039">
                <a:moveTo>
                  <a:pt x="0" y="65532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2" name="object 102"/>
          <p:cNvSpPr/>
          <p:nvPr/>
        </p:nvSpPr>
        <p:spPr>
          <a:xfrm>
            <a:off x="4197275" y="3774589"/>
            <a:ext cx="0" cy="38847"/>
          </a:xfrm>
          <a:custGeom>
            <a:avLst/>
            <a:gdLst/>
            <a:ahLst/>
            <a:cxnLst/>
            <a:rect l="l" t="t" r="r" b="b"/>
            <a:pathLst>
              <a:path h="66039">
                <a:moveTo>
                  <a:pt x="0" y="65532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3" name="object 103"/>
          <p:cNvSpPr/>
          <p:nvPr/>
        </p:nvSpPr>
        <p:spPr>
          <a:xfrm>
            <a:off x="4990203" y="3774589"/>
            <a:ext cx="0" cy="38847"/>
          </a:xfrm>
          <a:custGeom>
            <a:avLst/>
            <a:gdLst/>
            <a:ahLst/>
            <a:cxnLst/>
            <a:rect l="l" t="t" r="r" b="b"/>
            <a:pathLst>
              <a:path h="66039">
                <a:moveTo>
                  <a:pt x="0" y="65532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4" name="object 104"/>
          <p:cNvSpPr/>
          <p:nvPr/>
        </p:nvSpPr>
        <p:spPr>
          <a:xfrm>
            <a:off x="5782683" y="3774589"/>
            <a:ext cx="0" cy="38847"/>
          </a:xfrm>
          <a:custGeom>
            <a:avLst/>
            <a:gdLst/>
            <a:ahLst/>
            <a:cxnLst/>
            <a:rect l="l" t="t" r="r" b="b"/>
            <a:pathLst>
              <a:path h="66039">
                <a:moveTo>
                  <a:pt x="0" y="65532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5" name="object 105"/>
          <p:cNvSpPr/>
          <p:nvPr/>
        </p:nvSpPr>
        <p:spPr>
          <a:xfrm>
            <a:off x="6575612" y="3774589"/>
            <a:ext cx="0" cy="38847"/>
          </a:xfrm>
          <a:custGeom>
            <a:avLst/>
            <a:gdLst/>
            <a:ahLst/>
            <a:cxnLst/>
            <a:rect l="l" t="t" r="r" b="b"/>
            <a:pathLst>
              <a:path h="66039">
                <a:moveTo>
                  <a:pt x="0" y="65532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6" name="object 106"/>
          <p:cNvSpPr/>
          <p:nvPr/>
        </p:nvSpPr>
        <p:spPr>
          <a:xfrm>
            <a:off x="7368092" y="3774589"/>
            <a:ext cx="0" cy="38847"/>
          </a:xfrm>
          <a:custGeom>
            <a:avLst/>
            <a:gdLst/>
            <a:ahLst/>
            <a:cxnLst/>
            <a:rect l="l" t="t" r="r" b="b"/>
            <a:pathLst>
              <a:path h="66039">
                <a:moveTo>
                  <a:pt x="0" y="65532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7" name="object 107"/>
          <p:cNvSpPr/>
          <p:nvPr/>
        </p:nvSpPr>
        <p:spPr>
          <a:xfrm>
            <a:off x="8160571" y="3774589"/>
            <a:ext cx="0" cy="38847"/>
          </a:xfrm>
          <a:custGeom>
            <a:avLst/>
            <a:gdLst/>
            <a:ahLst/>
            <a:cxnLst/>
            <a:rect l="l" t="t" r="r" b="b"/>
            <a:pathLst>
              <a:path h="66039">
                <a:moveTo>
                  <a:pt x="0" y="65532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8" name="object 108"/>
          <p:cNvSpPr/>
          <p:nvPr/>
        </p:nvSpPr>
        <p:spPr>
          <a:xfrm>
            <a:off x="943536" y="3850341"/>
            <a:ext cx="168536" cy="155985"/>
          </a:xfrm>
          <a:prstGeom prst="rect">
            <a:avLst/>
          </a:prstGeom>
          <a:blipFill>
            <a:blip r:embed="rId1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9" name="object 109"/>
          <p:cNvSpPr/>
          <p:nvPr/>
        </p:nvSpPr>
        <p:spPr>
          <a:xfrm>
            <a:off x="1713156" y="3850341"/>
            <a:ext cx="218738" cy="155985"/>
          </a:xfrm>
          <a:prstGeom prst="rect">
            <a:avLst/>
          </a:prstGeom>
          <a:blipFill>
            <a:blip r:embed="rId1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0" name="object 110"/>
          <p:cNvSpPr/>
          <p:nvPr/>
        </p:nvSpPr>
        <p:spPr>
          <a:xfrm>
            <a:off x="2506083" y="3850341"/>
            <a:ext cx="218738" cy="155985"/>
          </a:xfrm>
          <a:prstGeom prst="rect">
            <a:avLst/>
          </a:prstGeom>
          <a:blipFill>
            <a:blip r:embed="rId1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1" name="object 111"/>
          <p:cNvSpPr/>
          <p:nvPr/>
        </p:nvSpPr>
        <p:spPr>
          <a:xfrm>
            <a:off x="3298564" y="3850341"/>
            <a:ext cx="218738" cy="155985"/>
          </a:xfrm>
          <a:prstGeom prst="rect">
            <a:avLst/>
          </a:prstGeom>
          <a:blipFill>
            <a:blip r:embed="rId1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2" name="object 112"/>
          <p:cNvSpPr/>
          <p:nvPr/>
        </p:nvSpPr>
        <p:spPr>
          <a:xfrm>
            <a:off x="4091492" y="3850341"/>
            <a:ext cx="218738" cy="155985"/>
          </a:xfrm>
          <a:prstGeom prst="rect">
            <a:avLst/>
          </a:prstGeom>
          <a:blipFill>
            <a:blip r:embed="rId1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3" name="object 113"/>
          <p:cNvSpPr/>
          <p:nvPr/>
        </p:nvSpPr>
        <p:spPr>
          <a:xfrm>
            <a:off x="4883972" y="3850341"/>
            <a:ext cx="218738" cy="155985"/>
          </a:xfrm>
          <a:prstGeom prst="rect">
            <a:avLst/>
          </a:prstGeom>
          <a:blipFill>
            <a:blip r:embed="rId2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4" name="object 114"/>
          <p:cNvSpPr/>
          <p:nvPr/>
        </p:nvSpPr>
        <p:spPr>
          <a:xfrm>
            <a:off x="5676452" y="3850341"/>
            <a:ext cx="218738" cy="155985"/>
          </a:xfrm>
          <a:prstGeom prst="rect">
            <a:avLst/>
          </a:prstGeom>
          <a:blipFill>
            <a:blip r:embed="rId2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5" name="object 115"/>
          <p:cNvSpPr/>
          <p:nvPr/>
        </p:nvSpPr>
        <p:spPr>
          <a:xfrm>
            <a:off x="6469380" y="3850341"/>
            <a:ext cx="218738" cy="155985"/>
          </a:xfrm>
          <a:prstGeom prst="rect">
            <a:avLst/>
          </a:prstGeom>
          <a:blipFill>
            <a:blip r:embed="rId2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6" name="object 116"/>
          <p:cNvSpPr/>
          <p:nvPr/>
        </p:nvSpPr>
        <p:spPr>
          <a:xfrm>
            <a:off x="7261860" y="3850341"/>
            <a:ext cx="218738" cy="155985"/>
          </a:xfrm>
          <a:prstGeom prst="rect">
            <a:avLst/>
          </a:prstGeom>
          <a:blipFill>
            <a:blip r:embed="rId2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7" name="object 117"/>
          <p:cNvSpPr/>
          <p:nvPr/>
        </p:nvSpPr>
        <p:spPr>
          <a:xfrm>
            <a:off x="8054788" y="3850341"/>
            <a:ext cx="218738" cy="155985"/>
          </a:xfrm>
          <a:prstGeom prst="rect">
            <a:avLst/>
          </a:prstGeom>
          <a:blipFill>
            <a:blip r:embed="rId2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8" name="object 118"/>
          <p:cNvSpPr/>
          <p:nvPr/>
        </p:nvSpPr>
        <p:spPr>
          <a:xfrm>
            <a:off x="4255546" y="4045771"/>
            <a:ext cx="677956" cy="133350"/>
          </a:xfrm>
          <a:custGeom>
            <a:avLst/>
            <a:gdLst/>
            <a:ahLst/>
            <a:cxnLst/>
            <a:rect l="l" t="t" r="r" b="b"/>
            <a:pathLst>
              <a:path w="1152525" h="226695">
                <a:moveTo>
                  <a:pt x="114300" y="166581"/>
                </a:moveTo>
                <a:lnTo>
                  <a:pt x="114300" y="134112"/>
                </a:lnTo>
                <a:lnTo>
                  <a:pt x="112776" y="138684"/>
                </a:lnTo>
                <a:lnTo>
                  <a:pt x="106680" y="147828"/>
                </a:lnTo>
                <a:lnTo>
                  <a:pt x="101346" y="151638"/>
                </a:lnTo>
                <a:lnTo>
                  <a:pt x="95250" y="153924"/>
                </a:lnTo>
                <a:lnTo>
                  <a:pt x="88392" y="156210"/>
                </a:lnTo>
                <a:lnTo>
                  <a:pt x="80772" y="157734"/>
                </a:lnTo>
                <a:lnTo>
                  <a:pt x="70537" y="157726"/>
                </a:lnTo>
                <a:lnTo>
                  <a:pt x="32004" y="144780"/>
                </a:lnTo>
                <a:lnTo>
                  <a:pt x="21336" y="118110"/>
                </a:lnTo>
                <a:lnTo>
                  <a:pt x="0" y="119634"/>
                </a:lnTo>
                <a:lnTo>
                  <a:pt x="15045" y="158231"/>
                </a:lnTo>
                <a:lnTo>
                  <a:pt x="60850" y="177673"/>
                </a:lnTo>
                <a:lnTo>
                  <a:pt x="76337" y="178225"/>
                </a:lnTo>
                <a:lnTo>
                  <a:pt x="87017" y="177069"/>
                </a:lnTo>
                <a:lnTo>
                  <a:pt x="98916" y="173739"/>
                </a:lnTo>
                <a:lnTo>
                  <a:pt x="113055" y="167600"/>
                </a:lnTo>
                <a:lnTo>
                  <a:pt x="114300" y="166581"/>
                </a:lnTo>
                <a:close/>
              </a:path>
              <a:path w="1152525" h="226695">
                <a:moveTo>
                  <a:pt x="130430" y="43610"/>
                </a:moveTo>
                <a:lnTo>
                  <a:pt x="110133" y="11304"/>
                </a:lnTo>
                <a:lnTo>
                  <a:pt x="70537" y="518"/>
                </a:lnTo>
                <a:lnTo>
                  <a:pt x="57580" y="426"/>
                </a:lnTo>
                <a:lnTo>
                  <a:pt x="45664" y="2321"/>
                </a:lnTo>
                <a:lnTo>
                  <a:pt x="9143" y="30480"/>
                </a:lnTo>
                <a:lnTo>
                  <a:pt x="6857" y="38862"/>
                </a:lnTo>
                <a:lnTo>
                  <a:pt x="6857" y="55626"/>
                </a:lnTo>
                <a:lnTo>
                  <a:pt x="8381" y="62484"/>
                </a:lnTo>
                <a:lnTo>
                  <a:pt x="13393" y="70298"/>
                </a:lnTo>
                <a:lnTo>
                  <a:pt x="21484" y="78655"/>
                </a:lnTo>
                <a:lnTo>
                  <a:pt x="28194" y="82819"/>
                </a:lnTo>
                <a:lnTo>
                  <a:pt x="28193" y="38862"/>
                </a:lnTo>
                <a:lnTo>
                  <a:pt x="31241" y="32766"/>
                </a:lnTo>
                <a:lnTo>
                  <a:pt x="38570" y="27087"/>
                </a:lnTo>
                <a:lnTo>
                  <a:pt x="46272" y="23276"/>
                </a:lnTo>
                <a:lnTo>
                  <a:pt x="58277" y="20878"/>
                </a:lnTo>
                <a:lnTo>
                  <a:pt x="76337" y="20310"/>
                </a:lnTo>
                <a:lnTo>
                  <a:pt x="88696" y="23457"/>
                </a:lnTo>
                <a:lnTo>
                  <a:pt x="99334" y="29727"/>
                </a:lnTo>
                <a:lnTo>
                  <a:pt x="106162" y="39645"/>
                </a:lnTo>
                <a:lnTo>
                  <a:pt x="109728" y="53340"/>
                </a:lnTo>
                <a:lnTo>
                  <a:pt x="130430" y="43610"/>
                </a:lnTo>
                <a:close/>
              </a:path>
              <a:path w="1152525" h="226695">
                <a:moveTo>
                  <a:pt x="136287" y="123110"/>
                </a:moveTo>
                <a:lnTo>
                  <a:pt x="105798" y="83885"/>
                </a:lnTo>
                <a:lnTo>
                  <a:pt x="54646" y="69532"/>
                </a:lnTo>
                <a:lnTo>
                  <a:pt x="42343" y="65162"/>
                </a:lnTo>
                <a:lnTo>
                  <a:pt x="35051" y="60960"/>
                </a:lnTo>
                <a:lnTo>
                  <a:pt x="30479" y="57150"/>
                </a:lnTo>
                <a:lnTo>
                  <a:pt x="28193" y="51816"/>
                </a:lnTo>
                <a:lnTo>
                  <a:pt x="28194" y="82819"/>
                </a:lnTo>
                <a:lnTo>
                  <a:pt x="33643" y="86202"/>
                </a:lnTo>
                <a:lnTo>
                  <a:pt x="42166" y="89631"/>
                </a:lnTo>
                <a:lnTo>
                  <a:pt x="54717" y="93496"/>
                </a:lnTo>
                <a:lnTo>
                  <a:pt x="86345" y="101539"/>
                </a:lnTo>
                <a:lnTo>
                  <a:pt x="94488" y="104394"/>
                </a:lnTo>
                <a:lnTo>
                  <a:pt x="101346" y="106680"/>
                </a:lnTo>
                <a:lnTo>
                  <a:pt x="106680" y="110490"/>
                </a:lnTo>
                <a:lnTo>
                  <a:pt x="112776" y="118110"/>
                </a:lnTo>
                <a:lnTo>
                  <a:pt x="114300" y="122682"/>
                </a:lnTo>
                <a:lnTo>
                  <a:pt x="114300" y="166581"/>
                </a:lnTo>
                <a:lnTo>
                  <a:pt x="122430" y="159926"/>
                </a:lnTo>
                <a:lnTo>
                  <a:pt x="131126" y="148580"/>
                </a:lnTo>
                <a:lnTo>
                  <a:pt x="135114" y="137218"/>
                </a:lnTo>
                <a:lnTo>
                  <a:pt x="136287" y="123110"/>
                </a:lnTo>
                <a:close/>
              </a:path>
              <a:path w="1152525" h="226695">
                <a:moveTo>
                  <a:pt x="168402" y="67056"/>
                </a:moveTo>
                <a:lnTo>
                  <a:pt x="168402" y="50292"/>
                </a:lnTo>
                <a:lnTo>
                  <a:pt x="153162" y="50292"/>
                </a:lnTo>
                <a:lnTo>
                  <a:pt x="153162" y="67056"/>
                </a:lnTo>
                <a:lnTo>
                  <a:pt x="168402" y="67056"/>
                </a:lnTo>
                <a:close/>
              </a:path>
              <a:path w="1152525" h="226695">
                <a:moveTo>
                  <a:pt x="214122" y="175260"/>
                </a:moveTo>
                <a:lnTo>
                  <a:pt x="211074" y="156210"/>
                </a:lnTo>
                <a:lnTo>
                  <a:pt x="207264" y="156972"/>
                </a:lnTo>
                <a:lnTo>
                  <a:pt x="195834" y="156972"/>
                </a:lnTo>
                <a:lnTo>
                  <a:pt x="194310" y="155448"/>
                </a:lnTo>
                <a:lnTo>
                  <a:pt x="192786" y="154686"/>
                </a:lnTo>
                <a:lnTo>
                  <a:pt x="191262" y="153162"/>
                </a:lnTo>
                <a:lnTo>
                  <a:pt x="189738" y="150114"/>
                </a:lnTo>
                <a:lnTo>
                  <a:pt x="189738" y="6858"/>
                </a:lnTo>
                <a:lnTo>
                  <a:pt x="168402" y="19050"/>
                </a:lnTo>
                <a:lnTo>
                  <a:pt x="168402" y="151638"/>
                </a:lnTo>
                <a:lnTo>
                  <a:pt x="169164" y="160020"/>
                </a:lnTo>
                <a:lnTo>
                  <a:pt x="171450" y="163830"/>
                </a:lnTo>
                <a:lnTo>
                  <a:pt x="172974" y="167640"/>
                </a:lnTo>
                <a:lnTo>
                  <a:pt x="176022" y="170688"/>
                </a:lnTo>
                <a:lnTo>
                  <a:pt x="179832" y="172974"/>
                </a:lnTo>
                <a:lnTo>
                  <a:pt x="184404" y="176022"/>
                </a:lnTo>
                <a:lnTo>
                  <a:pt x="189738" y="176688"/>
                </a:lnTo>
                <a:lnTo>
                  <a:pt x="202692" y="176784"/>
                </a:lnTo>
                <a:lnTo>
                  <a:pt x="208026" y="176022"/>
                </a:lnTo>
                <a:lnTo>
                  <a:pt x="214122" y="175260"/>
                </a:lnTo>
                <a:close/>
              </a:path>
              <a:path w="1152525" h="226695">
                <a:moveTo>
                  <a:pt x="211074" y="67056"/>
                </a:moveTo>
                <a:lnTo>
                  <a:pt x="211074" y="50292"/>
                </a:lnTo>
                <a:lnTo>
                  <a:pt x="189738" y="50292"/>
                </a:lnTo>
                <a:lnTo>
                  <a:pt x="189738" y="67056"/>
                </a:lnTo>
                <a:lnTo>
                  <a:pt x="211074" y="67056"/>
                </a:lnTo>
                <a:close/>
              </a:path>
              <a:path w="1152525" h="226695">
                <a:moveTo>
                  <a:pt x="310896" y="112776"/>
                </a:moveTo>
                <a:lnTo>
                  <a:pt x="310896" y="92964"/>
                </a:lnTo>
                <a:lnTo>
                  <a:pt x="310403" y="96188"/>
                </a:lnTo>
                <a:lnTo>
                  <a:pt x="300754" y="98935"/>
                </a:lnTo>
                <a:lnTo>
                  <a:pt x="288325" y="101363"/>
                </a:lnTo>
                <a:lnTo>
                  <a:pt x="272796" y="103632"/>
                </a:lnTo>
                <a:lnTo>
                  <a:pt x="264414" y="104394"/>
                </a:lnTo>
                <a:lnTo>
                  <a:pt x="258318" y="105156"/>
                </a:lnTo>
                <a:lnTo>
                  <a:pt x="254508" y="106680"/>
                </a:lnTo>
                <a:lnTo>
                  <a:pt x="248411" y="108204"/>
                </a:lnTo>
                <a:lnTo>
                  <a:pt x="243840" y="110490"/>
                </a:lnTo>
                <a:lnTo>
                  <a:pt x="234696" y="116586"/>
                </a:lnTo>
                <a:lnTo>
                  <a:pt x="230886" y="120396"/>
                </a:lnTo>
                <a:lnTo>
                  <a:pt x="228600" y="125730"/>
                </a:lnTo>
                <a:lnTo>
                  <a:pt x="225552" y="130302"/>
                </a:lnTo>
                <a:lnTo>
                  <a:pt x="224028" y="136398"/>
                </a:lnTo>
                <a:lnTo>
                  <a:pt x="224843" y="150224"/>
                </a:lnTo>
                <a:lnTo>
                  <a:pt x="229792" y="160962"/>
                </a:lnTo>
                <a:lnTo>
                  <a:pt x="240657" y="172152"/>
                </a:lnTo>
                <a:lnTo>
                  <a:pt x="246888" y="174602"/>
                </a:lnTo>
                <a:lnTo>
                  <a:pt x="246888" y="137922"/>
                </a:lnTo>
                <a:lnTo>
                  <a:pt x="247650" y="134874"/>
                </a:lnTo>
                <a:lnTo>
                  <a:pt x="249936" y="131826"/>
                </a:lnTo>
                <a:lnTo>
                  <a:pt x="251460" y="128778"/>
                </a:lnTo>
                <a:lnTo>
                  <a:pt x="254508" y="126492"/>
                </a:lnTo>
                <a:lnTo>
                  <a:pt x="260121" y="124067"/>
                </a:lnTo>
                <a:lnTo>
                  <a:pt x="269491" y="121831"/>
                </a:lnTo>
                <a:lnTo>
                  <a:pt x="288389" y="118480"/>
                </a:lnTo>
                <a:lnTo>
                  <a:pt x="301136" y="115819"/>
                </a:lnTo>
                <a:lnTo>
                  <a:pt x="310896" y="112776"/>
                </a:lnTo>
                <a:close/>
              </a:path>
              <a:path w="1152525" h="226695">
                <a:moveTo>
                  <a:pt x="338328" y="175260"/>
                </a:moveTo>
                <a:lnTo>
                  <a:pt x="332232" y="85344"/>
                </a:lnTo>
                <a:lnTo>
                  <a:pt x="331470" y="78486"/>
                </a:lnTo>
                <a:lnTo>
                  <a:pt x="330708" y="75438"/>
                </a:lnTo>
                <a:lnTo>
                  <a:pt x="329946" y="69342"/>
                </a:lnTo>
                <a:lnTo>
                  <a:pt x="327660" y="64770"/>
                </a:lnTo>
                <a:lnTo>
                  <a:pt x="282702" y="47380"/>
                </a:lnTo>
                <a:lnTo>
                  <a:pt x="279654" y="47384"/>
                </a:lnTo>
                <a:lnTo>
                  <a:pt x="241554" y="58674"/>
                </a:lnTo>
                <a:lnTo>
                  <a:pt x="236982" y="64770"/>
                </a:lnTo>
                <a:lnTo>
                  <a:pt x="232410" y="70104"/>
                </a:lnTo>
                <a:lnTo>
                  <a:pt x="229361" y="76962"/>
                </a:lnTo>
                <a:lnTo>
                  <a:pt x="227838" y="86106"/>
                </a:lnTo>
                <a:lnTo>
                  <a:pt x="248411" y="89154"/>
                </a:lnTo>
                <a:lnTo>
                  <a:pt x="250697" y="80010"/>
                </a:lnTo>
                <a:lnTo>
                  <a:pt x="254508" y="73914"/>
                </a:lnTo>
                <a:lnTo>
                  <a:pt x="259079" y="70104"/>
                </a:lnTo>
                <a:lnTo>
                  <a:pt x="263652" y="67056"/>
                </a:lnTo>
                <a:lnTo>
                  <a:pt x="271272" y="64770"/>
                </a:lnTo>
                <a:lnTo>
                  <a:pt x="291084" y="64770"/>
                </a:lnTo>
                <a:lnTo>
                  <a:pt x="299466" y="67056"/>
                </a:lnTo>
                <a:lnTo>
                  <a:pt x="304800" y="72390"/>
                </a:lnTo>
                <a:lnTo>
                  <a:pt x="308610" y="75438"/>
                </a:lnTo>
                <a:lnTo>
                  <a:pt x="310896" y="81534"/>
                </a:lnTo>
                <a:lnTo>
                  <a:pt x="310896" y="161173"/>
                </a:lnTo>
                <a:lnTo>
                  <a:pt x="312420" y="160020"/>
                </a:lnTo>
                <a:lnTo>
                  <a:pt x="313182" y="166116"/>
                </a:lnTo>
                <a:lnTo>
                  <a:pt x="316230" y="175260"/>
                </a:lnTo>
                <a:lnTo>
                  <a:pt x="338328" y="175260"/>
                </a:lnTo>
                <a:close/>
              </a:path>
              <a:path w="1152525" h="226695">
                <a:moveTo>
                  <a:pt x="310896" y="161173"/>
                </a:moveTo>
                <a:lnTo>
                  <a:pt x="310896" y="129540"/>
                </a:lnTo>
                <a:lnTo>
                  <a:pt x="309372" y="136398"/>
                </a:lnTo>
                <a:lnTo>
                  <a:pt x="307086" y="141732"/>
                </a:lnTo>
                <a:lnTo>
                  <a:pt x="304038" y="147828"/>
                </a:lnTo>
                <a:lnTo>
                  <a:pt x="299466" y="152400"/>
                </a:lnTo>
                <a:lnTo>
                  <a:pt x="287274" y="160020"/>
                </a:lnTo>
                <a:lnTo>
                  <a:pt x="279654" y="161544"/>
                </a:lnTo>
                <a:lnTo>
                  <a:pt x="263652" y="161544"/>
                </a:lnTo>
                <a:lnTo>
                  <a:pt x="257556" y="160020"/>
                </a:lnTo>
                <a:lnTo>
                  <a:pt x="248411" y="152400"/>
                </a:lnTo>
                <a:lnTo>
                  <a:pt x="246888" y="147066"/>
                </a:lnTo>
                <a:lnTo>
                  <a:pt x="246888" y="174602"/>
                </a:lnTo>
                <a:lnTo>
                  <a:pt x="252172" y="176680"/>
                </a:lnTo>
                <a:lnTo>
                  <a:pt x="266700" y="178308"/>
                </a:lnTo>
                <a:lnTo>
                  <a:pt x="275082" y="178308"/>
                </a:lnTo>
                <a:lnTo>
                  <a:pt x="282702" y="176784"/>
                </a:lnTo>
                <a:lnTo>
                  <a:pt x="290639" y="173396"/>
                </a:lnTo>
                <a:lnTo>
                  <a:pt x="301529" y="168264"/>
                </a:lnTo>
                <a:lnTo>
                  <a:pt x="310896" y="161173"/>
                </a:lnTo>
                <a:close/>
              </a:path>
              <a:path w="1152525" h="226695">
                <a:moveTo>
                  <a:pt x="368046" y="67056"/>
                </a:moveTo>
                <a:lnTo>
                  <a:pt x="368046" y="50292"/>
                </a:lnTo>
                <a:lnTo>
                  <a:pt x="352806" y="50292"/>
                </a:lnTo>
                <a:lnTo>
                  <a:pt x="352806" y="67056"/>
                </a:lnTo>
                <a:lnTo>
                  <a:pt x="368046" y="67056"/>
                </a:lnTo>
                <a:close/>
              </a:path>
              <a:path w="1152525" h="226695">
                <a:moveTo>
                  <a:pt x="413766" y="175260"/>
                </a:moveTo>
                <a:lnTo>
                  <a:pt x="410718" y="156210"/>
                </a:lnTo>
                <a:lnTo>
                  <a:pt x="406908" y="156972"/>
                </a:lnTo>
                <a:lnTo>
                  <a:pt x="395478" y="156972"/>
                </a:lnTo>
                <a:lnTo>
                  <a:pt x="393954" y="155448"/>
                </a:lnTo>
                <a:lnTo>
                  <a:pt x="392430" y="154686"/>
                </a:lnTo>
                <a:lnTo>
                  <a:pt x="390906" y="153162"/>
                </a:lnTo>
                <a:lnTo>
                  <a:pt x="389382" y="150114"/>
                </a:lnTo>
                <a:lnTo>
                  <a:pt x="389382" y="6858"/>
                </a:lnTo>
                <a:lnTo>
                  <a:pt x="368046" y="19050"/>
                </a:lnTo>
                <a:lnTo>
                  <a:pt x="368046" y="151638"/>
                </a:lnTo>
                <a:lnTo>
                  <a:pt x="369570" y="160020"/>
                </a:lnTo>
                <a:lnTo>
                  <a:pt x="372618" y="167640"/>
                </a:lnTo>
                <a:lnTo>
                  <a:pt x="375666" y="170688"/>
                </a:lnTo>
                <a:lnTo>
                  <a:pt x="380238" y="172974"/>
                </a:lnTo>
                <a:lnTo>
                  <a:pt x="384048" y="176022"/>
                </a:lnTo>
                <a:lnTo>
                  <a:pt x="389382" y="176688"/>
                </a:lnTo>
                <a:lnTo>
                  <a:pt x="402336" y="176784"/>
                </a:lnTo>
                <a:lnTo>
                  <a:pt x="407670" y="176022"/>
                </a:lnTo>
                <a:lnTo>
                  <a:pt x="413766" y="175260"/>
                </a:lnTo>
                <a:close/>
              </a:path>
              <a:path w="1152525" h="226695">
                <a:moveTo>
                  <a:pt x="410718" y="67056"/>
                </a:moveTo>
                <a:lnTo>
                  <a:pt x="410718" y="50292"/>
                </a:lnTo>
                <a:lnTo>
                  <a:pt x="389382" y="50292"/>
                </a:lnTo>
                <a:lnTo>
                  <a:pt x="389382" y="67056"/>
                </a:lnTo>
                <a:lnTo>
                  <a:pt x="410718" y="67056"/>
                </a:lnTo>
                <a:close/>
              </a:path>
              <a:path w="1152525" h="226695">
                <a:moveTo>
                  <a:pt x="452628" y="27432"/>
                </a:moveTo>
                <a:lnTo>
                  <a:pt x="452628" y="3048"/>
                </a:lnTo>
                <a:lnTo>
                  <a:pt x="431292" y="3048"/>
                </a:lnTo>
                <a:lnTo>
                  <a:pt x="431292" y="27432"/>
                </a:lnTo>
                <a:lnTo>
                  <a:pt x="452628" y="27432"/>
                </a:lnTo>
                <a:close/>
              </a:path>
              <a:path w="1152525" h="226695">
                <a:moveTo>
                  <a:pt x="452628" y="175260"/>
                </a:moveTo>
                <a:lnTo>
                  <a:pt x="452628" y="50292"/>
                </a:lnTo>
                <a:lnTo>
                  <a:pt x="431292" y="50292"/>
                </a:lnTo>
                <a:lnTo>
                  <a:pt x="431292" y="175260"/>
                </a:lnTo>
                <a:lnTo>
                  <a:pt x="452628" y="175260"/>
                </a:lnTo>
                <a:close/>
              </a:path>
              <a:path w="1152525" h="226695">
                <a:moveTo>
                  <a:pt x="592012" y="116136"/>
                </a:moveTo>
                <a:lnTo>
                  <a:pt x="583665" y="73284"/>
                </a:lnTo>
                <a:lnTo>
                  <a:pt x="543971" y="48468"/>
                </a:lnTo>
                <a:lnTo>
                  <a:pt x="528162" y="47568"/>
                </a:lnTo>
                <a:lnTo>
                  <a:pt x="516148" y="50088"/>
                </a:lnTo>
                <a:lnTo>
                  <a:pt x="480599" y="84562"/>
                </a:lnTo>
                <a:lnTo>
                  <a:pt x="476250" y="112776"/>
                </a:lnTo>
                <a:lnTo>
                  <a:pt x="476323" y="117024"/>
                </a:lnTo>
                <a:lnTo>
                  <a:pt x="486879" y="153875"/>
                </a:lnTo>
                <a:lnTo>
                  <a:pt x="498348" y="166279"/>
                </a:lnTo>
                <a:lnTo>
                  <a:pt x="498348" y="112776"/>
                </a:lnTo>
                <a:lnTo>
                  <a:pt x="498521" y="106652"/>
                </a:lnTo>
                <a:lnTo>
                  <a:pt x="514183" y="71866"/>
                </a:lnTo>
                <a:lnTo>
                  <a:pt x="539658" y="65126"/>
                </a:lnTo>
                <a:lnTo>
                  <a:pt x="551340" y="69366"/>
                </a:lnTo>
                <a:lnTo>
                  <a:pt x="562000" y="78342"/>
                </a:lnTo>
                <a:lnTo>
                  <a:pt x="567179" y="87496"/>
                </a:lnTo>
                <a:lnTo>
                  <a:pt x="570373" y="99888"/>
                </a:lnTo>
                <a:lnTo>
                  <a:pt x="571425" y="115969"/>
                </a:lnTo>
                <a:lnTo>
                  <a:pt x="571425" y="165822"/>
                </a:lnTo>
                <a:lnTo>
                  <a:pt x="578755" y="159215"/>
                </a:lnTo>
                <a:lnTo>
                  <a:pt x="586435" y="148335"/>
                </a:lnTo>
                <a:lnTo>
                  <a:pt x="589215" y="140323"/>
                </a:lnTo>
                <a:lnTo>
                  <a:pt x="591101" y="130025"/>
                </a:lnTo>
                <a:lnTo>
                  <a:pt x="592012" y="116136"/>
                </a:lnTo>
                <a:close/>
              </a:path>
              <a:path w="1152525" h="226695">
                <a:moveTo>
                  <a:pt x="571425" y="165822"/>
                </a:moveTo>
                <a:lnTo>
                  <a:pt x="571425" y="115969"/>
                </a:lnTo>
                <a:lnTo>
                  <a:pt x="569690" y="129577"/>
                </a:lnTo>
                <a:lnTo>
                  <a:pt x="565436" y="141200"/>
                </a:lnTo>
                <a:lnTo>
                  <a:pt x="558370" y="151308"/>
                </a:lnTo>
                <a:lnTo>
                  <a:pt x="547475" y="158479"/>
                </a:lnTo>
                <a:lnTo>
                  <a:pt x="534837" y="160781"/>
                </a:lnTo>
                <a:lnTo>
                  <a:pt x="524708" y="159146"/>
                </a:lnTo>
                <a:lnTo>
                  <a:pt x="514558" y="152908"/>
                </a:lnTo>
                <a:lnTo>
                  <a:pt x="502863" y="140006"/>
                </a:lnTo>
                <a:lnTo>
                  <a:pt x="499446" y="127817"/>
                </a:lnTo>
                <a:lnTo>
                  <a:pt x="498348" y="112776"/>
                </a:lnTo>
                <a:lnTo>
                  <a:pt x="498348" y="166279"/>
                </a:lnTo>
                <a:lnTo>
                  <a:pt x="503790" y="170033"/>
                </a:lnTo>
                <a:lnTo>
                  <a:pt x="514439" y="174431"/>
                </a:lnTo>
                <a:lnTo>
                  <a:pt x="527713" y="176961"/>
                </a:lnTo>
                <a:lnTo>
                  <a:pt x="544422" y="177446"/>
                </a:lnTo>
                <a:lnTo>
                  <a:pt x="556085" y="174003"/>
                </a:lnTo>
                <a:lnTo>
                  <a:pt x="569524" y="167535"/>
                </a:lnTo>
                <a:lnTo>
                  <a:pt x="571425" y="165822"/>
                </a:lnTo>
                <a:close/>
              </a:path>
              <a:path w="1152525" h="226695">
                <a:moveTo>
                  <a:pt x="718566" y="175260"/>
                </a:moveTo>
                <a:lnTo>
                  <a:pt x="718566" y="88392"/>
                </a:lnTo>
                <a:lnTo>
                  <a:pt x="717804" y="81534"/>
                </a:lnTo>
                <a:lnTo>
                  <a:pt x="717042" y="77724"/>
                </a:lnTo>
                <a:lnTo>
                  <a:pt x="716280" y="71628"/>
                </a:lnTo>
                <a:lnTo>
                  <a:pt x="713994" y="66294"/>
                </a:lnTo>
                <a:lnTo>
                  <a:pt x="710946" y="62484"/>
                </a:lnTo>
                <a:lnTo>
                  <a:pt x="707898" y="57912"/>
                </a:lnTo>
                <a:lnTo>
                  <a:pt x="703326" y="54102"/>
                </a:lnTo>
                <a:lnTo>
                  <a:pt x="694624" y="50954"/>
                </a:lnTo>
                <a:lnTo>
                  <a:pt x="684535" y="48244"/>
                </a:lnTo>
                <a:lnTo>
                  <a:pt x="668720" y="47686"/>
                </a:lnTo>
                <a:lnTo>
                  <a:pt x="656034" y="51067"/>
                </a:lnTo>
                <a:lnTo>
                  <a:pt x="645147" y="57778"/>
                </a:lnTo>
                <a:lnTo>
                  <a:pt x="636270" y="67818"/>
                </a:lnTo>
                <a:lnTo>
                  <a:pt x="636270" y="50292"/>
                </a:lnTo>
                <a:lnTo>
                  <a:pt x="617220" y="50292"/>
                </a:lnTo>
                <a:lnTo>
                  <a:pt x="617220" y="175260"/>
                </a:lnTo>
                <a:lnTo>
                  <a:pt x="638556" y="175260"/>
                </a:lnTo>
                <a:lnTo>
                  <a:pt x="639101" y="96006"/>
                </a:lnTo>
                <a:lnTo>
                  <a:pt x="642263" y="83041"/>
                </a:lnTo>
                <a:lnTo>
                  <a:pt x="648462" y="74676"/>
                </a:lnTo>
                <a:lnTo>
                  <a:pt x="654558" y="68580"/>
                </a:lnTo>
                <a:lnTo>
                  <a:pt x="662940" y="65532"/>
                </a:lnTo>
                <a:lnTo>
                  <a:pt x="677418" y="65532"/>
                </a:lnTo>
                <a:lnTo>
                  <a:pt x="694944" y="80010"/>
                </a:lnTo>
                <a:lnTo>
                  <a:pt x="696468" y="83820"/>
                </a:lnTo>
                <a:lnTo>
                  <a:pt x="697230" y="90678"/>
                </a:lnTo>
                <a:lnTo>
                  <a:pt x="697230" y="175260"/>
                </a:lnTo>
                <a:lnTo>
                  <a:pt x="718566" y="175260"/>
                </a:lnTo>
                <a:close/>
              </a:path>
              <a:path w="1152525" h="226695">
                <a:moveTo>
                  <a:pt x="872490" y="0"/>
                </a:moveTo>
                <a:lnTo>
                  <a:pt x="837862" y="31157"/>
                </a:lnTo>
                <a:lnTo>
                  <a:pt x="822351" y="68320"/>
                </a:lnTo>
                <a:lnTo>
                  <a:pt x="816262" y="120178"/>
                </a:lnTo>
                <a:lnTo>
                  <a:pt x="817186" y="131528"/>
                </a:lnTo>
                <a:lnTo>
                  <a:pt x="826189" y="168593"/>
                </a:lnTo>
                <a:lnTo>
                  <a:pt x="837480" y="194961"/>
                </a:lnTo>
                <a:lnTo>
                  <a:pt x="837480" y="109350"/>
                </a:lnTo>
                <a:lnTo>
                  <a:pt x="838130" y="98885"/>
                </a:lnTo>
                <a:lnTo>
                  <a:pt x="845595" y="58258"/>
                </a:lnTo>
                <a:lnTo>
                  <a:pt x="864621" y="14030"/>
                </a:lnTo>
                <a:lnTo>
                  <a:pt x="872490" y="0"/>
                </a:lnTo>
                <a:close/>
              </a:path>
              <a:path w="1152525" h="226695">
                <a:moveTo>
                  <a:pt x="868232" y="219007"/>
                </a:moveTo>
                <a:lnTo>
                  <a:pt x="851311" y="183397"/>
                </a:lnTo>
                <a:lnTo>
                  <a:pt x="839027" y="134763"/>
                </a:lnTo>
                <a:lnTo>
                  <a:pt x="837480" y="109350"/>
                </a:lnTo>
                <a:lnTo>
                  <a:pt x="837480" y="194961"/>
                </a:lnTo>
                <a:lnTo>
                  <a:pt x="843473" y="205793"/>
                </a:lnTo>
                <a:lnTo>
                  <a:pt x="850130" y="216307"/>
                </a:lnTo>
                <a:lnTo>
                  <a:pt x="857250" y="226314"/>
                </a:lnTo>
                <a:lnTo>
                  <a:pt x="868232" y="219007"/>
                </a:lnTo>
                <a:close/>
              </a:path>
              <a:path w="1152525" h="226695">
                <a:moveTo>
                  <a:pt x="902208" y="67056"/>
                </a:moveTo>
                <a:lnTo>
                  <a:pt x="902208" y="50292"/>
                </a:lnTo>
                <a:lnTo>
                  <a:pt x="883919" y="50292"/>
                </a:lnTo>
                <a:lnTo>
                  <a:pt x="883919" y="67056"/>
                </a:lnTo>
                <a:lnTo>
                  <a:pt x="902208" y="67056"/>
                </a:lnTo>
                <a:close/>
              </a:path>
              <a:path w="1152525" h="226695">
                <a:moveTo>
                  <a:pt x="956310" y="2286"/>
                </a:moveTo>
                <a:lnTo>
                  <a:pt x="948690" y="762"/>
                </a:lnTo>
                <a:lnTo>
                  <a:pt x="942594" y="0"/>
                </a:lnTo>
                <a:lnTo>
                  <a:pt x="927354" y="0"/>
                </a:lnTo>
                <a:lnTo>
                  <a:pt x="902208" y="28956"/>
                </a:lnTo>
                <a:lnTo>
                  <a:pt x="902208" y="175260"/>
                </a:lnTo>
                <a:lnTo>
                  <a:pt x="922782" y="175260"/>
                </a:lnTo>
                <a:lnTo>
                  <a:pt x="922782" y="31242"/>
                </a:lnTo>
                <a:lnTo>
                  <a:pt x="924306" y="25908"/>
                </a:lnTo>
                <a:lnTo>
                  <a:pt x="927354" y="23622"/>
                </a:lnTo>
                <a:lnTo>
                  <a:pt x="929640" y="20574"/>
                </a:lnTo>
                <a:lnTo>
                  <a:pt x="934212" y="19050"/>
                </a:lnTo>
                <a:lnTo>
                  <a:pt x="944880" y="19050"/>
                </a:lnTo>
                <a:lnTo>
                  <a:pt x="948690" y="19812"/>
                </a:lnTo>
                <a:lnTo>
                  <a:pt x="953262" y="20574"/>
                </a:lnTo>
                <a:lnTo>
                  <a:pt x="956310" y="2286"/>
                </a:lnTo>
                <a:close/>
              </a:path>
              <a:path w="1152525" h="226695">
                <a:moveTo>
                  <a:pt x="947166" y="67056"/>
                </a:moveTo>
                <a:lnTo>
                  <a:pt x="947166" y="50292"/>
                </a:lnTo>
                <a:lnTo>
                  <a:pt x="922782" y="50292"/>
                </a:lnTo>
                <a:lnTo>
                  <a:pt x="922782" y="67056"/>
                </a:lnTo>
                <a:lnTo>
                  <a:pt x="947166" y="67056"/>
                </a:lnTo>
                <a:close/>
              </a:path>
              <a:path w="1152525" h="226695">
                <a:moveTo>
                  <a:pt x="967740" y="67056"/>
                </a:moveTo>
                <a:lnTo>
                  <a:pt x="967740" y="50292"/>
                </a:lnTo>
                <a:lnTo>
                  <a:pt x="951738" y="50292"/>
                </a:lnTo>
                <a:lnTo>
                  <a:pt x="951738" y="67056"/>
                </a:lnTo>
                <a:lnTo>
                  <a:pt x="967740" y="67056"/>
                </a:lnTo>
                <a:close/>
              </a:path>
              <a:path w="1152525" h="226695">
                <a:moveTo>
                  <a:pt x="1012697" y="175260"/>
                </a:moveTo>
                <a:lnTo>
                  <a:pt x="1009650" y="156210"/>
                </a:lnTo>
                <a:lnTo>
                  <a:pt x="1005840" y="156972"/>
                </a:lnTo>
                <a:lnTo>
                  <a:pt x="995172" y="156972"/>
                </a:lnTo>
                <a:lnTo>
                  <a:pt x="992886" y="155448"/>
                </a:lnTo>
                <a:lnTo>
                  <a:pt x="991362" y="154686"/>
                </a:lnTo>
                <a:lnTo>
                  <a:pt x="989076" y="150114"/>
                </a:lnTo>
                <a:lnTo>
                  <a:pt x="988313" y="145542"/>
                </a:lnTo>
                <a:lnTo>
                  <a:pt x="988313" y="6858"/>
                </a:lnTo>
                <a:lnTo>
                  <a:pt x="967740" y="19050"/>
                </a:lnTo>
                <a:lnTo>
                  <a:pt x="967740" y="151638"/>
                </a:lnTo>
                <a:lnTo>
                  <a:pt x="968502" y="160020"/>
                </a:lnTo>
                <a:lnTo>
                  <a:pt x="971550" y="167640"/>
                </a:lnTo>
                <a:lnTo>
                  <a:pt x="974597" y="170688"/>
                </a:lnTo>
                <a:lnTo>
                  <a:pt x="979169" y="172974"/>
                </a:lnTo>
                <a:lnTo>
                  <a:pt x="982980" y="176022"/>
                </a:lnTo>
                <a:lnTo>
                  <a:pt x="988313" y="176688"/>
                </a:lnTo>
                <a:lnTo>
                  <a:pt x="1001268" y="176784"/>
                </a:lnTo>
                <a:lnTo>
                  <a:pt x="1006602" y="176022"/>
                </a:lnTo>
                <a:lnTo>
                  <a:pt x="1012697" y="175260"/>
                </a:lnTo>
                <a:close/>
              </a:path>
              <a:path w="1152525" h="226695">
                <a:moveTo>
                  <a:pt x="1009650" y="67056"/>
                </a:moveTo>
                <a:lnTo>
                  <a:pt x="1009650" y="50292"/>
                </a:lnTo>
                <a:lnTo>
                  <a:pt x="988313" y="50292"/>
                </a:lnTo>
                <a:lnTo>
                  <a:pt x="988313" y="67056"/>
                </a:lnTo>
                <a:lnTo>
                  <a:pt x="1009650" y="67056"/>
                </a:lnTo>
                <a:close/>
              </a:path>
              <a:path w="1152525" h="226695">
                <a:moveTo>
                  <a:pt x="1059942" y="175260"/>
                </a:moveTo>
                <a:lnTo>
                  <a:pt x="1059942" y="150876"/>
                </a:lnTo>
                <a:lnTo>
                  <a:pt x="1036319" y="150876"/>
                </a:lnTo>
                <a:lnTo>
                  <a:pt x="1036319" y="175260"/>
                </a:lnTo>
                <a:lnTo>
                  <a:pt x="1059942" y="175260"/>
                </a:lnTo>
                <a:close/>
              </a:path>
              <a:path w="1152525" h="226695">
                <a:moveTo>
                  <a:pt x="1130755" y="194600"/>
                </a:moveTo>
                <a:lnTo>
                  <a:pt x="1130755" y="117125"/>
                </a:lnTo>
                <a:lnTo>
                  <a:pt x="1130044" y="129302"/>
                </a:lnTo>
                <a:lnTo>
                  <a:pt x="1128512" y="141441"/>
                </a:lnTo>
                <a:lnTo>
                  <a:pt x="1114404" y="189849"/>
                </a:lnTo>
                <a:lnTo>
                  <a:pt x="1095756" y="226314"/>
                </a:lnTo>
                <a:lnTo>
                  <a:pt x="1110234" y="226314"/>
                </a:lnTo>
                <a:lnTo>
                  <a:pt x="1111311" y="224955"/>
                </a:lnTo>
                <a:lnTo>
                  <a:pt x="1118096" y="215781"/>
                </a:lnTo>
                <a:lnTo>
                  <a:pt x="1124473" y="205915"/>
                </a:lnTo>
                <a:lnTo>
                  <a:pt x="1130535" y="195056"/>
                </a:lnTo>
                <a:lnTo>
                  <a:pt x="1130755" y="194600"/>
                </a:lnTo>
                <a:close/>
              </a:path>
              <a:path w="1152525" h="226695">
                <a:moveTo>
                  <a:pt x="1151996" y="105856"/>
                </a:moveTo>
                <a:lnTo>
                  <a:pt x="1141627" y="55609"/>
                </a:lnTo>
                <a:lnTo>
                  <a:pt x="1118314" y="11121"/>
                </a:lnTo>
                <a:lnTo>
                  <a:pt x="1110234" y="0"/>
                </a:lnTo>
                <a:lnTo>
                  <a:pt x="1099880" y="7330"/>
                </a:lnTo>
                <a:lnTo>
                  <a:pt x="1106241" y="19178"/>
                </a:lnTo>
                <a:lnTo>
                  <a:pt x="1111667" y="29988"/>
                </a:lnTo>
                <a:lnTo>
                  <a:pt x="1127260" y="78401"/>
                </a:lnTo>
                <a:lnTo>
                  <a:pt x="1130755" y="117125"/>
                </a:lnTo>
                <a:lnTo>
                  <a:pt x="1130755" y="194600"/>
                </a:lnTo>
                <a:lnTo>
                  <a:pt x="1136377" y="182903"/>
                </a:lnTo>
                <a:lnTo>
                  <a:pt x="1148594" y="146415"/>
                </a:lnTo>
                <a:lnTo>
                  <a:pt x="1151679" y="120570"/>
                </a:lnTo>
                <a:lnTo>
                  <a:pt x="1151996" y="105856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9" name="object 119"/>
          <p:cNvSpPr/>
          <p:nvPr/>
        </p:nvSpPr>
        <p:spPr>
          <a:xfrm>
            <a:off x="605118" y="3391796"/>
            <a:ext cx="7977467" cy="0"/>
          </a:xfrm>
          <a:custGeom>
            <a:avLst/>
            <a:gdLst/>
            <a:ahLst/>
            <a:cxnLst/>
            <a:rect l="l" t="t" r="r" b="b"/>
            <a:pathLst>
              <a:path w="13561694">
                <a:moveTo>
                  <a:pt x="13561313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0" name="object 120"/>
          <p:cNvSpPr/>
          <p:nvPr/>
        </p:nvSpPr>
        <p:spPr>
          <a:xfrm>
            <a:off x="1026907" y="3379245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6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1" name="object 121"/>
          <p:cNvSpPr/>
          <p:nvPr/>
        </p:nvSpPr>
        <p:spPr>
          <a:xfrm>
            <a:off x="1819386" y="3379245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6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2" name="object 122"/>
          <p:cNvSpPr/>
          <p:nvPr/>
        </p:nvSpPr>
        <p:spPr>
          <a:xfrm>
            <a:off x="2612315" y="3379245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6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3" name="object 123"/>
          <p:cNvSpPr/>
          <p:nvPr/>
        </p:nvSpPr>
        <p:spPr>
          <a:xfrm>
            <a:off x="3404795" y="3379245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6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4" name="object 124"/>
          <p:cNvSpPr/>
          <p:nvPr/>
        </p:nvSpPr>
        <p:spPr>
          <a:xfrm>
            <a:off x="4197275" y="3379245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6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5" name="object 125"/>
          <p:cNvSpPr/>
          <p:nvPr/>
        </p:nvSpPr>
        <p:spPr>
          <a:xfrm>
            <a:off x="4990203" y="3379245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6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6" name="object 126"/>
          <p:cNvSpPr/>
          <p:nvPr/>
        </p:nvSpPr>
        <p:spPr>
          <a:xfrm>
            <a:off x="5782683" y="3379245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6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7" name="object 127"/>
          <p:cNvSpPr/>
          <p:nvPr/>
        </p:nvSpPr>
        <p:spPr>
          <a:xfrm>
            <a:off x="6575612" y="3379245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6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8" name="object 128"/>
          <p:cNvSpPr/>
          <p:nvPr/>
        </p:nvSpPr>
        <p:spPr>
          <a:xfrm>
            <a:off x="7368092" y="3379245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6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9" name="object 129"/>
          <p:cNvSpPr/>
          <p:nvPr/>
        </p:nvSpPr>
        <p:spPr>
          <a:xfrm>
            <a:off x="8160571" y="3379245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6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0" name="object 130"/>
          <p:cNvSpPr/>
          <p:nvPr/>
        </p:nvSpPr>
        <p:spPr>
          <a:xfrm>
            <a:off x="630666" y="3391796"/>
            <a:ext cx="0" cy="382868"/>
          </a:xfrm>
          <a:custGeom>
            <a:avLst/>
            <a:gdLst/>
            <a:ahLst/>
            <a:cxnLst/>
            <a:rect l="l" t="t" r="r" b="b"/>
            <a:pathLst>
              <a:path h="650875">
                <a:moveTo>
                  <a:pt x="0" y="650748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1" name="object 131"/>
          <p:cNvSpPr/>
          <p:nvPr/>
        </p:nvSpPr>
        <p:spPr>
          <a:xfrm>
            <a:off x="605118" y="3679115"/>
            <a:ext cx="25774" cy="0"/>
          </a:xfrm>
          <a:custGeom>
            <a:avLst/>
            <a:gdLst/>
            <a:ahLst/>
            <a:cxnLst/>
            <a:rect l="l" t="t" r="r" b="b"/>
            <a:pathLst>
              <a:path w="43815">
                <a:moveTo>
                  <a:pt x="43434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2" name="object 132"/>
          <p:cNvSpPr/>
          <p:nvPr/>
        </p:nvSpPr>
        <p:spPr>
          <a:xfrm>
            <a:off x="605118" y="3583193"/>
            <a:ext cx="25774" cy="0"/>
          </a:xfrm>
          <a:custGeom>
            <a:avLst/>
            <a:gdLst/>
            <a:ahLst/>
            <a:cxnLst/>
            <a:rect l="l" t="t" r="r" b="b"/>
            <a:pathLst>
              <a:path w="43815">
                <a:moveTo>
                  <a:pt x="43434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3" name="object 133"/>
          <p:cNvSpPr/>
          <p:nvPr/>
        </p:nvSpPr>
        <p:spPr>
          <a:xfrm>
            <a:off x="605118" y="3487718"/>
            <a:ext cx="25774" cy="0"/>
          </a:xfrm>
          <a:custGeom>
            <a:avLst/>
            <a:gdLst/>
            <a:ahLst/>
            <a:cxnLst/>
            <a:rect l="l" t="t" r="r" b="b"/>
            <a:pathLst>
              <a:path w="43815">
                <a:moveTo>
                  <a:pt x="43434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4" name="object 134"/>
          <p:cNvSpPr/>
          <p:nvPr/>
        </p:nvSpPr>
        <p:spPr>
          <a:xfrm>
            <a:off x="533400" y="3734697"/>
            <a:ext cx="50202" cy="467957"/>
          </a:xfrm>
          <a:prstGeom prst="rect">
            <a:avLst/>
          </a:prstGeom>
          <a:blipFill>
            <a:blip r:embed="rId2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5" name="object 135"/>
          <p:cNvSpPr/>
          <p:nvPr/>
        </p:nvSpPr>
        <p:spPr>
          <a:xfrm>
            <a:off x="532503" y="3543300"/>
            <a:ext cx="50202" cy="467957"/>
          </a:xfrm>
          <a:prstGeom prst="rect">
            <a:avLst/>
          </a:prstGeom>
          <a:blipFill>
            <a:blip r:embed="rId2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6" name="object 136"/>
          <p:cNvSpPr/>
          <p:nvPr/>
        </p:nvSpPr>
        <p:spPr>
          <a:xfrm>
            <a:off x="481405" y="3351903"/>
            <a:ext cx="100404" cy="231289"/>
          </a:xfrm>
          <a:prstGeom prst="rect">
            <a:avLst/>
          </a:prstGeom>
          <a:blipFill>
            <a:blip r:embed="rId2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7" name="object 137"/>
          <p:cNvSpPr/>
          <p:nvPr/>
        </p:nvSpPr>
        <p:spPr>
          <a:xfrm>
            <a:off x="319592" y="3351007"/>
            <a:ext cx="100404" cy="349623"/>
          </a:xfrm>
          <a:prstGeom prst="rect">
            <a:avLst/>
          </a:prstGeom>
          <a:blipFill>
            <a:blip r:embed="rId2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8" name="object 138"/>
          <p:cNvSpPr/>
          <p:nvPr/>
        </p:nvSpPr>
        <p:spPr>
          <a:xfrm>
            <a:off x="319592" y="3700630"/>
            <a:ext cx="100404" cy="349623"/>
          </a:xfrm>
          <a:prstGeom prst="rect">
            <a:avLst/>
          </a:prstGeom>
          <a:blipFill>
            <a:blip r:embed="rId2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9" name="object 139"/>
          <p:cNvSpPr/>
          <p:nvPr/>
        </p:nvSpPr>
        <p:spPr>
          <a:xfrm>
            <a:off x="8557259" y="3391796"/>
            <a:ext cx="0" cy="382868"/>
          </a:xfrm>
          <a:custGeom>
            <a:avLst/>
            <a:gdLst/>
            <a:ahLst/>
            <a:cxnLst/>
            <a:rect l="l" t="t" r="r" b="b"/>
            <a:pathLst>
              <a:path h="650875">
                <a:moveTo>
                  <a:pt x="0" y="650748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0" name="object 140"/>
          <p:cNvSpPr/>
          <p:nvPr/>
        </p:nvSpPr>
        <p:spPr>
          <a:xfrm>
            <a:off x="8557259" y="3679115"/>
            <a:ext cx="25400" cy="0"/>
          </a:xfrm>
          <a:custGeom>
            <a:avLst/>
            <a:gdLst/>
            <a:ahLst/>
            <a:cxnLst/>
            <a:rect l="l" t="t" r="r" b="b"/>
            <a:pathLst>
              <a:path w="43180">
                <a:moveTo>
                  <a:pt x="42671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1" name="object 141"/>
          <p:cNvSpPr/>
          <p:nvPr/>
        </p:nvSpPr>
        <p:spPr>
          <a:xfrm>
            <a:off x="8557259" y="3583193"/>
            <a:ext cx="25400" cy="0"/>
          </a:xfrm>
          <a:custGeom>
            <a:avLst/>
            <a:gdLst/>
            <a:ahLst/>
            <a:cxnLst/>
            <a:rect l="l" t="t" r="r" b="b"/>
            <a:pathLst>
              <a:path w="43180">
                <a:moveTo>
                  <a:pt x="42671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2" name="object 142"/>
          <p:cNvSpPr/>
          <p:nvPr/>
        </p:nvSpPr>
        <p:spPr>
          <a:xfrm>
            <a:off x="779033" y="4468906"/>
            <a:ext cx="169582" cy="70596"/>
          </a:xfrm>
          <a:custGeom>
            <a:avLst/>
            <a:gdLst/>
            <a:ahLst/>
            <a:cxnLst/>
            <a:rect l="l" t="t" r="r" b="b"/>
            <a:pathLst>
              <a:path w="288290" h="120015">
                <a:moveTo>
                  <a:pt x="0" y="0"/>
                </a:moveTo>
                <a:lnTo>
                  <a:pt x="0" y="119633"/>
                </a:lnTo>
                <a:lnTo>
                  <a:pt x="288036" y="119633"/>
                </a:lnTo>
                <a:lnTo>
                  <a:pt x="288036" y="0"/>
                </a:lnTo>
                <a:lnTo>
                  <a:pt x="0" y="0"/>
                </a:lnTo>
                <a:close/>
              </a:path>
            </a:pathLst>
          </a:custGeom>
          <a:solidFill>
            <a:srgbClr val="FF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3" name="object 143"/>
          <p:cNvSpPr/>
          <p:nvPr/>
        </p:nvSpPr>
        <p:spPr>
          <a:xfrm>
            <a:off x="948466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1" y="119633"/>
                </a:lnTo>
                <a:lnTo>
                  <a:pt x="96011" y="0"/>
                </a:lnTo>
                <a:lnTo>
                  <a:pt x="0" y="0"/>
                </a:lnTo>
                <a:close/>
              </a:path>
            </a:pathLst>
          </a:custGeom>
          <a:solidFill>
            <a:srgbClr val="FF1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4" name="object 144"/>
          <p:cNvSpPr/>
          <p:nvPr/>
        </p:nvSpPr>
        <p:spPr>
          <a:xfrm>
            <a:off x="1004944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FF3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5" name="object 145"/>
          <p:cNvSpPr/>
          <p:nvPr/>
        </p:nvSpPr>
        <p:spPr>
          <a:xfrm>
            <a:off x="1061421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FF5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6" name="object 146"/>
          <p:cNvSpPr/>
          <p:nvPr/>
        </p:nvSpPr>
        <p:spPr>
          <a:xfrm>
            <a:off x="1117898" y="4468906"/>
            <a:ext cx="56029" cy="70596"/>
          </a:xfrm>
          <a:custGeom>
            <a:avLst/>
            <a:gdLst/>
            <a:ahLst/>
            <a:cxnLst/>
            <a:rect l="l" t="t" r="r" b="b"/>
            <a:pathLst>
              <a:path w="95250" h="120015">
                <a:moveTo>
                  <a:pt x="0" y="0"/>
                </a:moveTo>
                <a:lnTo>
                  <a:pt x="0" y="119633"/>
                </a:lnTo>
                <a:lnTo>
                  <a:pt x="95250" y="119633"/>
                </a:lnTo>
                <a:lnTo>
                  <a:pt x="95250" y="0"/>
                </a:lnTo>
                <a:lnTo>
                  <a:pt x="0" y="0"/>
                </a:lnTo>
                <a:close/>
              </a:path>
            </a:pathLst>
          </a:custGeom>
          <a:solidFill>
            <a:srgbClr val="FF7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7" name="object 147"/>
          <p:cNvSpPr/>
          <p:nvPr/>
        </p:nvSpPr>
        <p:spPr>
          <a:xfrm>
            <a:off x="1173928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FF9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8" name="object 148"/>
          <p:cNvSpPr/>
          <p:nvPr/>
        </p:nvSpPr>
        <p:spPr>
          <a:xfrm>
            <a:off x="1230406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FFB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9" name="object 149"/>
          <p:cNvSpPr/>
          <p:nvPr/>
        </p:nvSpPr>
        <p:spPr>
          <a:xfrm>
            <a:off x="1286883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FFD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0" name="object 150"/>
          <p:cNvSpPr/>
          <p:nvPr/>
        </p:nvSpPr>
        <p:spPr>
          <a:xfrm>
            <a:off x="1343361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FFF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1" name="object 151"/>
          <p:cNvSpPr/>
          <p:nvPr/>
        </p:nvSpPr>
        <p:spPr>
          <a:xfrm>
            <a:off x="1399839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E0F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2" name="object 152"/>
          <p:cNvSpPr/>
          <p:nvPr/>
        </p:nvSpPr>
        <p:spPr>
          <a:xfrm>
            <a:off x="1456317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C0F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3" name="object 153"/>
          <p:cNvSpPr/>
          <p:nvPr/>
        </p:nvSpPr>
        <p:spPr>
          <a:xfrm>
            <a:off x="1512794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A0F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4" name="object 154"/>
          <p:cNvSpPr/>
          <p:nvPr/>
        </p:nvSpPr>
        <p:spPr>
          <a:xfrm>
            <a:off x="1569271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80F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5" name="object 155"/>
          <p:cNvSpPr/>
          <p:nvPr/>
        </p:nvSpPr>
        <p:spPr>
          <a:xfrm>
            <a:off x="1625749" y="4468906"/>
            <a:ext cx="56029" cy="70596"/>
          </a:xfrm>
          <a:custGeom>
            <a:avLst/>
            <a:gdLst/>
            <a:ahLst/>
            <a:cxnLst/>
            <a:rect l="l" t="t" r="r" b="b"/>
            <a:pathLst>
              <a:path w="95250" h="120015">
                <a:moveTo>
                  <a:pt x="0" y="0"/>
                </a:moveTo>
                <a:lnTo>
                  <a:pt x="0" y="119633"/>
                </a:lnTo>
                <a:lnTo>
                  <a:pt x="95250" y="119633"/>
                </a:lnTo>
                <a:lnTo>
                  <a:pt x="95250" y="0"/>
                </a:lnTo>
                <a:lnTo>
                  <a:pt x="0" y="0"/>
                </a:lnTo>
                <a:close/>
              </a:path>
            </a:pathLst>
          </a:custGeom>
          <a:solidFill>
            <a:srgbClr val="60F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6" name="object 156"/>
          <p:cNvSpPr/>
          <p:nvPr/>
        </p:nvSpPr>
        <p:spPr>
          <a:xfrm>
            <a:off x="1681778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40F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7" name="object 157"/>
          <p:cNvSpPr/>
          <p:nvPr/>
        </p:nvSpPr>
        <p:spPr>
          <a:xfrm>
            <a:off x="1738256" y="4468906"/>
            <a:ext cx="56776" cy="70596"/>
          </a:xfrm>
          <a:custGeom>
            <a:avLst/>
            <a:gdLst/>
            <a:ahLst/>
            <a:cxnLst/>
            <a:rect l="l" t="t" r="r" b="b"/>
            <a:pathLst>
              <a:path w="96519" h="120015">
                <a:moveTo>
                  <a:pt x="0" y="0"/>
                </a:moveTo>
                <a:lnTo>
                  <a:pt x="0" y="119633"/>
                </a:lnTo>
                <a:lnTo>
                  <a:pt x="96012" y="119633"/>
                </a:lnTo>
                <a:lnTo>
                  <a:pt x="96012" y="0"/>
                </a:lnTo>
                <a:lnTo>
                  <a:pt x="0" y="0"/>
                </a:lnTo>
                <a:close/>
              </a:path>
            </a:pathLst>
          </a:custGeom>
          <a:solidFill>
            <a:srgbClr val="20F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8" name="object 158"/>
          <p:cNvSpPr/>
          <p:nvPr/>
        </p:nvSpPr>
        <p:spPr>
          <a:xfrm>
            <a:off x="1794735" y="4468906"/>
            <a:ext cx="113179" cy="70596"/>
          </a:xfrm>
          <a:custGeom>
            <a:avLst/>
            <a:gdLst/>
            <a:ahLst/>
            <a:cxnLst/>
            <a:rect l="l" t="t" r="r" b="b"/>
            <a:pathLst>
              <a:path w="192405" h="120015">
                <a:moveTo>
                  <a:pt x="0" y="0"/>
                </a:moveTo>
                <a:lnTo>
                  <a:pt x="0" y="119633"/>
                </a:lnTo>
                <a:lnTo>
                  <a:pt x="192024" y="119633"/>
                </a:lnTo>
                <a:lnTo>
                  <a:pt x="192024" y="0"/>
                </a:lnTo>
                <a:lnTo>
                  <a:pt x="0" y="0"/>
                </a:lnTo>
                <a:close/>
              </a:path>
            </a:pathLst>
          </a:custGeom>
          <a:solidFill>
            <a:srgbClr val="00F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9" name="object 159"/>
          <p:cNvSpPr/>
          <p:nvPr/>
        </p:nvSpPr>
        <p:spPr>
          <a:xfrm>
            <a:off x="766034" y="4584102"/>
            <a:ext cx="136264" cy="223221"/>
          </a:xfrm>
          <a:prstGeom prst="rect">
            <a:avLst/>
          </a:prstGeom>
          <a:blipFill>
            <a:blip r:embed="rId3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0" name="object 160"/>
          <p:cNvSpPr/>
          <p:nvPr/>
        </p:nvSpPr>
        <p:spPr>
          <a:xfrm>
            <a:off x="991496" y="4584102"/>
            <a:ext cx="136264" cy="220532"/>
          </a:xfrm>
          <a:prstGeom prst="rect">
            <a:avLst/>
          </a:prstGeom>
          <a:blipFill>
            <a:blip r:embed="rId3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1" name="object 161"/>
          <p:cNvSpPr/>
          <p:nvPr/>
        </p:nvSpPr>
        <p:spPr>
          <a:xfrm>
            <a:off x="1217407" y="4583654"/>
            <a:ext cx="136264" cy="225910"/>
          </a:xfrm>
          <a:prstGeom prst="rect">
            <a:avLst/>
          </a:prstGeom>
          <a:blipFill>
            <a:blip r:embed="rId3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2" name="object 162"/>
          <p:cNvSpPr/>
          <p:nvPr/>
        </p:nvSpPr>
        <p:spPr>
          <a:xfrm>
            <a:off x="1488589" y="4584998"/>
            <a:ext cx="50202" cy="441064"/>
          </a:xfrm>
          <a:prstGeom prst="rect">
            <a:avLst/>
          </a:prstGeom>
          <a:blipFill>
            <a:blip r:embed="rId3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3" name="object 163"/>
          <p:cNvSpPr/>
          <p:nvPr/>
        </p:nvSpPr>
        <p:spPr>
          <a:xfrm>
            <a:off x="1671917" y="4583654"/>
            <a:ext cx="132678" cy="225910"/>
          </a:xfrm>
          <a:prstGeom prst="rect">
            <a:avLst/>
          </a:prstGeom>
          <a:blipFill>
            <a:blip r:embed="rId3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4" name="object 164"/>
          <p:cNvSpPr/>
          <p:nvPr/>
        </p:nvSpPr>
        <p:spPr>
          <a:xfrm>
            <a:off x="1904552" y="1995543"/>
            <a:ext cx="4141321" cy="25774"/>
          </a:xfrm>
          <a:custGeom>
            <a:avLst/>
            <a:gdLst/>
            <a:ahLst/>
            <a:cxnLst/>
            <a:rect l="l" t="t" r="r" b="b"/>
            <a:pathLst>
              <a:path w="7040245" h="43814">
                <a:moveTo>
                  <a:pt x="238506" y="0"/>
                </a:moveTo>
                <a:lnTo>
                  <a:pt x="0" y="0"/>
                </a:lnTo>
                <a:lnTo>
                  <a:pt x="3048" y="3810"/>
                </a:lnTo>
                <a:lnTo>
                  <a:pt x="42248" y="25339"/>
                </a:lnTo>
                <a:lnTo>
                  <a:pt x="72092" y="30104"/>
                </a:lnTo>
                <a:lnTo>
                  <a:pt x="83420" y="29638"/>
                </a:lnTo>
                <a:lnTo>
                  <a:pt x="97073" y="28826"/>
                </a:lnTo>
                <a:lnTo>
                  <a:pt x="114300" y="27432"/>
                </a:lnTo>
                <a:lnTo>
                  <a:pt x="124206" y="23622"/>
                </a:lnTo>
                <a:lnTo>
                  <a:pt x="137160" y="19050"/>
                </a:lnTo>
                <a:lnTo>
                  <a:pt x="150875" y="14478"/>
                </a:lnTo>
                <a:lnTo>
                  <a:pt x="164591" y="7620"/>
                </a:lnTo>
                <a:lnTo>
                  <a:pt x="177546" y="9906"/>
                </a:lnTo>
                <a:lnTo>
                  <a:pt x="191262" y="6858"/>
                </a:lnTo>
                <a:lnTo>
                  <a:pt x="204977" y="9144"/>
                </a:lnTo>
                <a:lnTo>
                  <a:pt x="218694" y="7620"/>
                </a:lnTo>
                <a:lnTo>
                  <a:pt x="231648" y="4572"/>
                </a:lnTo>
                <a:lnTo>
                  <a:pt x="238506" y="0"/>
                </a:lnTo>
                <a:close/>
              </a:path>
              <a:path w="7040245" h="43814">
                <a:moveTo>
                  <a:pt x="418338" y="0"/>
                </a:moveTo>
                <a:lnTo>
                  <a:pt x="309372" y="0"/>
                </a:lnTo>
                <a:lnTo>
                  <a:pt x="312420" y="5334"/>
                </a:lnTo>
                <a:lnTo>
                  <a:pt x="326136" y="7620"/>
                </a:lnTo>
                <a:lnTo>
                  <a:pt x="339851" y="10668"/>
                </a:lnTo>
                <a:lnTo>
                  <a:pt x="352806" y="9144"/>
                </a:lnTo>
                <a:lnTo>
                  <a:pt x="366522" y="9906"/>
                </a:lnTo>
                <a:lnTo>
                  <a:pt x="380238" y="16002"/>
                </a:lnTo>
                <a:lnTo>
                  <a:pt x="393191" y="17526"/>
                </a:lnTo>
                <a:lnTo>
                  <a:pt x="406908" y="11430"/>
                </a:lnTo>
                <a:lnTo>
                  <a:pt x="418338" y="0"/>
                </a:lnTo>
                <a:close/>
              </a:path>
              <a:path w="7040245" h="43814">
                <a:moveTo>
                  <a:pt x="611124" y="0"/>
                </a:moveTo>
                <a:lnTo>
                  <a:pt x="539495" y="0"/>
                </a:lnTo>
                <a:lnTo>
                  <a:pt x="541782" y="3810"/>
                </a:lnTo>
                <a:lnTo>
                  <a:pt x="555498" y="13716"/>
                </a:lnTo>
                <a:lnTo>
                  <a:pt x="568451" y="13716"/>
                </a:lnTo>
                <a:lnTo>
                  <a:pt x="582167" y="4572"/>
                </a:lnTo>
                <a:lnTo>
                  <a:pt x="595884" y="2286"/>
                </a:lnTo>
                <a:lnTo>
                  <a:pt x="608838" y="762"/>
                </a:lnTo>
                <a:lnTo>
                  <a:pt x="611124" y="0"/>
                </a:lnTo>
                <a:close/>
              </a:path>
              <a:path w="7040245" h="43814">
                <a:moveTo>
                  <a:pt x="650748" y="0"/>
                </a:moveTo>
                <a:lnTo>
                  <a:pt x="630174" y="0"/>
                </a:lnTo>
                <a:lnTo>
                  <a:pt x="636270" y="3048"/>
                </a:lnTo>
                <a:lnTo>
                  <a:pt x="649986" y="762"/>
                </a:lnTo>
                <a:lnTo>
                  <a:pt x="650748" y="0"/>
                </a:lnTo>
                <a:close/>
              </a:path>
              <a:path w="7040245" h="43814">
                <a:moveTo>
                  <a:pt x="912876" y="0"/>
                </a:moveTo>
                <a:lnTo>
                  <a:pt x="672084" y="0"/>
                </a:lnTo>
                <a:lnTo>
                  <a:pt x="676656" y="4572"/>
                </a:lnTo>
                <a:lnTo>
                  <a:pt x="690372" y="23622"/>
                </a:lnTo>
                <a:lnTo>
                  <a:pt x="695706" y="27432"/>
                </a:lnTo>
                <a:lnTo>
                  <a:pt x="703326" y="30480"/>
                </a:lnTo>
                <a:lnTo>
                  <a:pt x="717041" y="30480"/>
                </a:lnTo>
                <a:lnTo>
                  <a:pt x="730758" y="29718"/>
                </a:lnTo>
                <a:lnTo>
                  <a:pt x="742376" y="33717"/>
                </a:lnTo>
                <a:lnTo>
                  <a:pt x="753940" y="37859"/>
                </a:lnTo>
                <a:lnTo>
                  <a:pt x="765560" y="41335"/>
                </a:lnTo>
                <a:lnTo>
                  <a:pt x="777350" y="43335"/>
                </a:lnTo>
                <a:lnTo>
                  <a:pt x="789422" y="43049"/>
                </a:lnTo>
                <a:lnTo>
                  <a:pt x="811529" y="38862"/>
                </a:lnTo>
                <a:lnTo>
                  <a:pt x="824484" y="36576"/>
                </a:lnTo>
                <a:lnTo>
                  <a:pt x="838778" y="36714"/>
                </a:lnTo>
                <a:lnTo>
                  <a:pt x="849215" y="37721"/>
                </a:lnTo>
                <a:lnTo>
                  <a:pt x="857769" y="38496"/>
                </a:lnTo>
                <a:lnTo>
                  <a:pt x="906017" y="12954"/>
                </a:lnTo>
                <a:lnTo>
                  <a:pt x="912876" y="0"/>
                </a:lnTo>
                <a:close/>
              </a:path>
              <a:path w="7040245" h="43814">
                <a:moveTo>
                  <a:pt x="7040117" y="0"/>
                </a:moveTo>
                <a:lnTo>
                  <a:pt x="6944867" y="0"/>
                </a:lnTo>
                <a:lnTo>
                  <a:pt x="6957059" y="13716"/>
                </a:lnTo>
                <a:lnTo>
                  <a:pt x="6970776" y="18288"/>
                </a:lnTo>
                <a:lnTo>
                  <a:pt x="6983730" y="16002"/>
                </a:lnTo>
                <a:lnTo>
                  <a:pt x="7011161" y="16002"/>
                </a:lnTo>
                <a:lnTo>
                  <a:pt x="7024115" y="10668"/>
                </a:lnTo>
                <a:lnTo>
                  <a:pt x="7040117" y="0"/>
                </a:lnTo>
                <a:close/>
              </a:path>
            </a:pathLst>
          </a:custGeom>
          <a:solidFill>
            <a:srgbClr val="FF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5" name="object 165"/>
          <p:cNvSpPr/>
          <p:nvPr/>
        </p:nvSpPr>
        <p:spPr>
          <a:xfrm>
            <a:off x="1899173" y="1995544"/>
            <a:ext cx="4170829" cy="31003"/>
          </a:xfrm>
          <a:custGeom>
            <a:avLst/>
            <a:gdLst/>
            <a:ahLst/>
            <a:cxnLst/>
            <a:rect l="l" t="t" r="r" b="b"/>
            <a:pathLst>
              <a:path w="7090409" h="52705">
                <a:moveTo>
                  <a:pt x="266699" y="0"/>
                </a:moveTo>
                <a:lnTo>
                  <a:pt x="247649" y="0"/>
                </a:lnTo>
                <a:lnTo>
                  <a:pt x="240791" y="4571"/>
                </a:lnTo>
                <a:lnTo>
                  <a:pt x="227837" y="7619"/>
                </a:lnTo>
                <a:lnTo>
                  <a:pt x="214121" y="9143"/>
                </a:lnTo>
                <a:lnTo>
                  <a:pt x="200405" y="6857"/>
                </a:lnTo>
                <a:lnTo>
                  <a:pt x="186689" y="9905"/>
                </a:lnTo>
                <a:lnTo>
                  <a:pt x="173735" y="7619"/>
                </a:lnTo>
                <a:lnTo>
                  <a:pt x="160019" y="14477"/>
                </a:lnTo>
                <a:lnTo>
                  <a:pt x="146303" y="19049"/>
                </a:lnTo>
                <a:lnTo>
                  <a:pt x="133349" y="23621"/>
                </a:lnTo>
                <a:lnTo>
                  <a:pt x="123443" y="27431"/>
                </a:lnTo>
                <a:lnTo>
                  <a:pt x="106217" y="28826"/>
                </a:lnTo>
                <a:lnTo>
                  <a:pt x="92564" y="29638"/>
                </a:lnTo>
                <a:lnTo>
                  <a:pt x="81236" y="30104"/>
                </a:lnTo>
                <a:lnTo>
                  <a:pt x="71251" y="29814"/>
                </a:lnTo>
                <a:lnTo>
                  <a:pt x="25145" y="12953"/>
                </a:lnTo>
                <a:lnTo>
                  <a:pt x="9144" y="0"/>
                </a:lnTo>
                <a:lnTo>
                  <a:pt x="0" y="0"/>
                </a:lnTo>
                <a:lnTo>
                  <a:pt x="39117" y="31645"/>
                </a:lnTo>
                <a:lnTo>
                  <a:pt x="85298" y="39236"/>
                </a:lnTo>
                <a:lnTo>
                  <a:pt x="97413" y="39065"/>
                </a:lnTo>
                <a:lnTo>
                  <a:pt x="110955" y="38166"/>
                </a:lnTo>
                <a:lnTo>
                  <a:pt x="133349" y="34289"/>
                </a:lnTo>
                <a:lnTo>
                  <a:pt x="146303" y="32003"/>
                </a:lnTo>
                <a:lnTo>
                  <a:pt x="159493" y="29149"/>
                </a:lnTo>
                <a:lnTo>
                  <a:pt x="172330" y="27603"/>
                </a:lnTo>
                <a:lnTo>
                  <a:pt x="184854" y="26924"/>
                </a:lnTo>
                <a:lnTo>
                  <a:pt x="209113" y="26401"/>
                </a:lnTo>
                <a:lnTo>
                  <a:pt x="220923" y="25674"/>
                </a:lnTo>
                <a:lnTo>
                  <a:pt x="232570" y="24048"/>
                </a:lnTo>
                <a:lnTo>
                  <a:pt x="254507" y="14477"/>
                </a:lnTo>
                <a:lnTo>
                  <a:pt x="266699" y="0"/>
                </a:lnTo>
                <a:close/>
              </a:path>
              <a:path w="7090409" h="52705">
                <a:moveTo>
                  <a:pt x="449579" y="0"/>
                </a:moveTo>
                <a:lnTo>
                  <a:pt x="427481" y="0"/>
                </a:lnTo>
                <a:lnTo>
                  <a:pt x="416051" y="11429"/>
                </a:lnTo>
                <a:lnTo>
                  <a:pt x="402335" y="17525"/>
                </a:lnTo>
                <a:lnTo>
                  <a:pt x="389381" y="16001"/>
                </a:lnTo>
                <a:lnTo>
                  <a:pt x="375665" y="9905"/>
                </a:lnTo>
                <a:lnTo>
                  <a:pt x="361949" y="9143"/>
                </a:lnTo>
                <a:lnTo>
                  <a:pt x="348995" y="10667"/>
                </a:lnTo>
                <a:lnTo>
                  <a:pt x="335279" y="7619"/>
                </a:lnTo>
                <a:lnTo>
                  <a:pt x="321563" y="5333"/>
                </a:lnTo>
                <a:lnTo>
                  <a:pt x="318515" y="0"/>
                </a:lnTo>
                <a:lnTo>
                  <a:pt x="307085" y="0"/>
                </a:lnTo>
                <a:lnTo>
                  <a:pt x="308609" y="3809"/>
                </a:lnTo>
                <a:lnTo>
                  <a:pt x="321563" y="22859"/>
                </a:lnTo>
                <a:lnTo>
                  <a:pt x="335279" y="26669"/>
                </a:lnTo>
                <a:lnTo>
                  <a:pt x="336041" y="27431"/>
                </a:lnTo>
                <a:lnTo>
                  <a:pt x="348995" y="28955"/>
                </a:lnTo>
                <a:lnTo>
                  <a:pt x="361949" y="28193"/>
                </a:lnTo>
                <a:lnTo>
                  <a:pt x="375665" y="28193"/>
                </a:lnTo>
                <a:lnTo>
                  <a:pt x="389381" y="31241"/>
                </a:lnTo>
                <a:lnTo>
                  <a:pt x="402335" y="32003"/>
                </a:lnTo>
                <a:lnTo>
                  <a:pt x="416051" y="28955"/>
                </a:lnTo>
                <a:lnTo>
                  <a:pt x="419861" y="27431"/>
                </a:lnTo>
                <a:lnTo>
                  <a:pt x="429767" y="19811"/>
                </a:lnTo>
                <a:lnTo>
                  <a:pt x="449579" y="0"/>
                </a:lnTo>
                <a:close/>
              </a:path>
              <a:path w="7090409" h="52705">
                <a:moveTo>
                  <a:pt x="986789" y="0"/>
                </a:moveTo>
                <a:lnTo>
                  <a:pt x="922019" y="0"/>
                </a:lnTo>
                <a:lnTo>
                  <a:pt x="915161" y="12953"/>
                </a:lnTo>
                <a:lnTo>
                  <a:pt x="902969" y="27431"/>
                </a:lnTo>
                <a:lnTo>
                  <a:pt x="901025" y="28403"/>
                </a:lnTo>
                <a:lnTo>
                  <a:pt x="886272" y="34939"/>
                </a:lnTo>
                <a:lnTo>
                  <a:pt x="875560" y="37936"/>
                </a:lnTo>
                <a:lnTo>
                  <a:pt x="866913" y="38496"/>
                </a:lnTo>
                <a:lnTo>
                  <a:pt x="858359" y="37721"/>
                </a:lnTo>
                <a:lnTo>
                  <a:pt x="847921" y="36714"/>
                </a:lnTo>
                <a:lnTo>
                  <a:pt x="833627" y="36575"/>
                </a:lnTo>
                <a:lnTo>
                  <a:pt x="820673" y="38861"/>
                </a:lnTo>
                <a:lnTo>
                  <a:pt x="798566" y="43049"/>
                </a:lnTo>
                <a:lnTo>
                  <a:pt x="786494" y="43335"/>
                </a:lnTo>
                <a:lnTo>
                  <a:pt x="774704" y="41335"/>
                </a:lnTo>
                <a:lnTo>
                  <a:pt x="763084" y="37859"/>
                </a:lnTo>
                <a:lnTo>
                  <a:pt x="751520" y="33716"/>
                </a:lnTo>
                <a:lnTo>
                  <a:pt x="739901" y="29717"/>
                </a:lnTo>
                <a:lnTo>
                  <a:pt x="726185" y="30479"/>
                </a:lnTo>
                <a:lnTo>
                  <a:pt x="712469" y="30479"/>
                </a:lnTo>
                <a:lnTo>
                  <a:pt x="704849" y="27431"/>
                </a:lnTo>
                <a:lnTo>
                  <a:pt x="699515" y="23621"/>
                </a:lnTo>
                <a:lnTo>
                  <a:pt x="685799" y="4571"/>
                </a:lnTo>
                <a:lnTo>
                  <a:pt x="681228" y="0"/>
                </a:lnTo>
                <a:lnTo>
                  <a:pt x="659891" y="0"/>
                </a:lnTo>
                <a:lnTo>
                  <a:pt x="659129" y="761"/>
                </a:lnTo>
                <a:lnTo>
                  <a:pt x="645413" y="3047"/>
                </a:lnTo>
                <a:lnTo>
                  <a:pt x="639318" y="0"/>
                </a:lnTo>
                <a:lnTo>
                  <a:pt x="620267" y="0"/>
                </a:lnTo>
                <a:lnTo>
                  <a:pt x="617981" y="761"/>
                </a:lnTo>
                <a:lnTo>
                  <a:pt x="605027" y="2285"/>
                </a:lnTo>
                <a:lnTo>
                  <a:pt x="591311" y="4571"/>
                </a:lnTo>
                <a:lnTo>
                  <a:pt x="577595" y="13715"/>
                </a:lnTo>
                <a:lnTo>
                  <a:pt x="564641" y="13715"/>
                </a:lnTo>
                <a:lnTo>
                  <a:pt x="550925" y="3809"/>
                </a:lnTo>
                <a:lnTo>
                  <a:pt x="548639" y="0"/>
                </a:lnTo>
                <a:lnTo>
                  <a:pt x="537210" y="0"/>
                </a:lnTo>
                <a:lnTo>
                  <a:pt x="550925" y="19811"/>
                </a:lnTo>
                <a:lnTo>
                  <a:pt x="563879" y="27431"/>
                </a:lnTo>
                <a:lnTo>
                  <a:pt x="564641" y="27431"/>
                </a:lnTo>
                <a:lnTo>
                  <a:pt x="577595" y="28193"/>
                </a:lnTo>
                <a:lnTo>
                  <a:pt x="582929" y="27431"/>
                </a:lnTo>
                <a:lnTo>
                  <a:pt x="591311" y="23621"/>
                </a:lnTo>
                <a:lnTo>
                  <a:pt x="605027" y="21335"/>
                </a:lnTo>
                <a:lnTo>
                  <a:pt x="617981" y="20573"/>
                </a:lnTo>
                <a:lnTo>
                  <a:pt x="631697" y="19049"/>
                </a:lnTo>
                <a:lnTo>
                  <a:pt x="645413" y="24383"/>
                </a:lnTo>
                <a:lnTo>
                  <a:pt x="659129" y="23621"/>
                </a:lnTo>
                <a:lnTo>
                  <a:pt x="672083" y="19811"/>
                </a:lnTo>
                <a:lnTo>
                  <a:pt x="681228" y="27431"/>
                </a:lnTo>
                <a:lnTo>
                  <a:pt x="685799" y="28955"/>
                </a:lnTo>
                <a:lnTo>
                  <a:pt x="699515" y="37337"/>
                </a:lnTo>
                <a:lnTo>
                  <a:pt x="712469" y="41147"/>
                </a:lnTo>
                <a:lnTo>
                  <a:pt x="739901" y="42671"/>
                </a:lnTo>
                <a:lnTo>
                  <a:pt x="752855" y="46481"/>
                </a:lnTo>
                <a:lnTo>
                  <a:pt x="766571" y="50291"/>
                </a:lnTo>
                <a:lnTo>
                  <a:pt x="780287" y="52577"/>
                </a:lnTo>
                <a:lnTo>
                  <a:pt x="793241" y="52577"/>
                </a:lnTo>
                <a:lnTo>
                  <a:pt x="806957" y="51815"/>
                </a:lnTo>
                <a:lnTo>
                  <a:pt x="820673" y="49529"/>
                </a:lnTo>
                <a:lnTo>
                  <a:pt x="833627" y="48767"/>
                </a:lnTo>
                <a:lnTo>
                  <a:pt x="847921" y="48800"/>
                </a:lnTo>
                <a:lnTo>
                  <a:pt x="861059" y="49529"/>
                </a:lnTo>
                <a:lnTo>
                  <a:pt x="874775" y="48767"/>
                </a:lnTo>
                <a:lnTo>
                  <a:pt x="915161" y="32765"/>
                </a:lnTo>
                <a:lnTo>
                  <a:pt x="928115" y="19811"/>
                </a:lnTo>
                <a:lnTo>
                  <a:pt x="941831" y="14477"/>
                </a:lnTo>
                <a:lnTo>
                  <a:pt x="955547" y="11429"/>
                </a:lnTo>
                <a:lnTo>
                  <a:pt x="968501" y="9143"/>
                </a:lnTo>
                <a:lnTo>
                  <a:pt x="982217" y="6857"/>
                </a:lnTo>
                <a:lnTo>
                  <a:pt x="986789" y="0"/>
                </a:lnTo>
                <a:close/>
              </a:path>
              <a:path w="7090409" h="52705">
                <a:moveTo>
                  <a:pt x="6353555" y="0"/>
                </a:moveTo>
                <a:lnTo>
                  <a:pt x="6331458" y="0"/>
                </a:lnTo>
                <a:lnTo>
                  <a:pt x="6332981" y="1523"/>
                </a:lnTo>
                <a:lnTo>
                  <a:pt x="6345935" y="2285"/>
                </a:lnTo>
                <a:lnTo>
                  <a:pt x="6353555" y="0"/>
                </a:lnTo>
                <a:close/>
              </a:path>
              <a:path w="7090409" h="52705">
                <a:moveTo>
                  <a:pt x="6797039" y="0"/>
                </a:moveTo>
                <a:lnTo>
                  <a:pt x="6790182" y="0"/>
                </a:lnTo>
                <a:lnTo>
                  <a:pt x="6790943" y="761"/>
                </a:lnTo>
                <a:lnTo>
                  <a:pt x="6797039" y="0"/>
                </a:lnTo>
                <a:close/>
              </a:path>
              <a:path w="7090409" h="52705">
                <a:moveTo>
                  <a:pt x="6886193" y="0"/>
                </a:moveTo>
                <a:lnTo>
                  <a:pt x="6884670" y="0"/>
                </a:lnTo>
                <a:lnTo>
                  <a:pt x="6885431" y="761"/>
                </a:lnTo>
                <a:lnTo>
                  <a:pt x="6886193" y="0"/>
                </a:lnTo>
                <a:close/>
              </a:path>
              <a:path w="7090409" h="52705">
                <a:moveTo>
                  <a:pt x="7090409" y="0"/>
                </a:moveTo>
                <a:lnTo>
                  <a:pt x="7049261" y="0"/>
                </a:lnTo>
                <a:lnTo>
                  <a:pt x="7033259" y="10667"/>
                </a:lnTo>
                <a:lnTo>
                  <a:pt x="7020305" y="16001"/>
                </a:lnTo>
                <a:lnTo>
                  <a:pt x="6992873" y="16001"/>
                </a:lnTo>
                <a:lnTo>
                  <a:pt x="6979919" y="18287"/>
                </a:lnTo>
                <a:lnTo>
                  <a:pt x="6966203" y="13715"/>
                </a:lnTo>
                <a:lnTo>
                  <a:pt x="6954012" y="0"/>
                </a:lnTo>
                <a:lnTo>
                  <a:pt x="6921246" y="0"/>
                </a:lnTo>
                <a:lnTo>
                  <a:pt x="6925817" y="4571"/>
                </a:lnTo>
                <a:lnTo>
                  <a:pt x="6939533" y="11429"/>
                </a:lnTo>
                <a:lnTo>
                  <a:pt x="6952487" y="22097"/>
                </a:lnTo>
                <a:lnTo>
                  <a:pt x="6958583" y="27431"/>
                </a:lnTo>
                <a:lnTo>
                  <a:pt x="6966203" y="30479"/>
                </a:lnTo>
                <a:lnTo>
                  <a:pt x="6979919" y="33527"/>
                </a:lnTo>
                <a:lnTo>
                  <a:pt x="6992873" y="32765"/>
                </a:lnTo>
                <a:lnTo>
                  <a:pt x="7006589" y="33527"/>
                </a:lnTo>
                <a:lnTo>
                  <a:pt x="7044343" y="25993"/>
                </a:lnTo>
                <a:lnTo>
                  <a:pt x="7078894" y="8112"/>
                </a:lnTo>
                <a:lnTo>
                  <a:pt x="7090409" y="0"/>
                </a:lnTo>
                <a:close/>
              </a:path>
            </a:pathLst>
          </a:custGeom>
          <a:solidFill>
            <a:srgbClr val="FF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6" name="object 166"/>
          <p:cNvSpPr/>
          <p:nvPr/>
        </p:nvSpPr>
        <p:spPr>
          <a:xfrm>
            <a:off x="1840753" y="1995543"/>
            <a:ext cx="4183529" cy="35859"/>
          </a:xfrm>
          <a:custGeom>
            <a:avLst/>
            <a:gdLst/>
            <a:ahLst/>
            <a:cxnLst/>
            <a:rect l="l" t="t" r="r" b="b"/>
            <a:pathLst>
              <a:path w="7112000" h="60960">
                <a:moveTo>
                  <a:pt x="127000" y="37040"/>
                </a:moveTo>
                <a:lnTo>
                  <a:pt x="127000" y="31645"/>
                </a:lnTo>
                <a:lnTo>
                  <a:pt x="0" y="27431"/>
                </a:lnTo>
                <a:lnTo>
                  <a:pt x="0" y="32651"/>
                </a:lnTo>
                <a:lnTo>
                  <a:pt x="127000" y="37040"/>
                </a:lnTo>
                <a:close/>
              </a:path>
              <a:path w="7112000" h="60960">
                <a:moveTo>
                  <a:pt x="254000" y="38099"/>
                </a:moveTo>
                <a:lnTo>
                  <a:pt x="254000" y="29149"/>
                </a:lnTo>
                <a:lnTo>
                  <a:pt x="127000" y="32003"/>
                </a:lnTo>
                <a:lnTo>
                  <a:pt x="127000" y="40385"/>
                </a:lnTo>
                <a:lnTo>
                  <a:pt x="254000" y="38099"/>
                </a:lnTo>
                <a:close/>
              </a:path>
              <a:path w="7112000" h="60960">
                <a:moveTo>
                  <a:pt x="381000" y="0"/>
                </a:moveTo>
                <a:lnTo>
                  <a:pt x="254000" y="0"/>
                </a:lnTo>
                <a:lnTo>
                  <a:pt x="254000" y="2285"/>
                </a:lnTo>
                <a:lnTo>
                  <a:pt x="381000" y="0"/>
                </a:lnTo>
                <a:close/>
              </a:path>
              <a:path w="7112000" h="60960">
                <a:moveTo>
                  <a:pt x="508000" y="38861"/>
                </a:moveTo>
                <a:lnTo>
                  <a:pt x="508000" y="28955"/>
                </a:lnTo>
                <a:lnTo>
                  <a:pt x="381000" y="32003"/>
                </a:lnTo>
                <a:lnTo>
                  <a:pt x="381000" y="41147"/>
                </a:lnTo>
                <a:lnTo>
                  <a:pt x="508000" y="38861"/>
                </a:lnTo>
                <a:close/>
              </a:path>
              <a:path w="7112000" h="60960">
                <a:moveTo>
                  <a:pt x="635000" y="18287"/>
                </a:moveTo>
                <a:lnTo>
                  <a:pt x="635000" y="0"/>
                </a:lnTo>
                <a:lnTo>
                  <a:pt x="508000" y="0"/>
                </a:lnTo>
                <a:lnTo>
                  <a:pt x="635000" y="18287"/>
                </a:lnTo>
                <a:close/>
              </a:path>
              <a:path w="7112000" h="60960">
                <a:moveTo>
                  <a:pt x="762000" y="36575"/>
                </a:moveTo>
                <a:lnTo>
                  <a:pt x="762000" y="19811"/>
                </a:lnTo>
                <a:lnTo>
                  <a:pt x="635000" y="23621"/>
                </a:lnTo>
                <a:lnTo>
                  <a:pt x="635000" y="37337"/>
                </a:lnTo>
                <a:lnTo>
                  <a:pt x="762000" y="36575"/>
                </a:lnTo>
                <a:close/>
              </a:path>
              <a:path w="7112000" h="60960">
                <a:moveTo>
                  <a:pt x="889000" y="60959"/>
                </a:moveTo>
                <a:lnTo>
                  <a:pt x="889000" y="52577"/>
                </a:lnTo>
                <a:lnTo>
                  <a:pt x="762000" y="52577"/>
                </a:lnTo>
                <a:lnTo>
                  <a:pt x="762000" y="60959"/>
                </a:lnTo>
                <a:lnTo>
                  <a:pt x="889000" y="60959"/>
                </a:lnTo>
                <a:close/>
              </a:path>
              <a:path w="7112000" h="60960">
                <a:moveTo>
                  <a:pt x="1016000" y="37337"/>
                </a:moveTo>
                <a:lnTo>
                  <a:pt x="1016000" y="27431"/>
                </a:lnTo>
                <a:lnTo>
                  <a:pt x="889000" y="32765"/>
                </a:lnTo>
                <a:lnTo>
                  <a:pt x="889000" y="44195"/>
                </a:lnTo>
                <a:lnTo>
                  <a:pt x="1016000" y="37337"/>
                </a:lnTo>
                <a:close/>
              </a:path>
              <a:path w="7112000" h="60960">
                <a:moveTo>
                  <a:pt x="6477000" y="761"/>
                </a:moveTo>
                <a:lnTo>
                  <a:pt x="6477000" y="0"/>
                </a:lnTo>
                <a:lnTo>
                  <a:pt x="6223000" y="0"/>
                </a:lnTo>
                <a:lnTo>
                  <a:pt x="6223000" y="9905"/>
                </a:lnTo>
                <a:lnTo>
                  <a:pt x="6350000" y="3047"/>
                </a:lnTo>
                <a:lnTo>
                  <a:pt x="6350000" y="8381"/>
                </a:lnTo>
                <a:lnTo>
                  <a:pt x="6477000" y="761"/>
                </a:lnTo>
                <a:close/>
              </a:path>
              <a:path w="7112000" h="60960">
                <a:moveTo>
                  <a:pt x="6858000" y="9143"/>
                </a:moveTo>
                <a:lnTo>
                  <a:pt x="6858000" y="0"/>
                </a:lnTo>
                <a:lnTo>
                  <a:pt x="6731000" y="0"/>
                </a:lnTo>
                <a:lnTo>
                  <a:pt x="6731000" y="10667"/>
                </a:lnTo>
                <a:lnTo>
                  <a:pt x="6858000" y="9143"/>
                </a:lnTo>
                <a:close/>
              </a:path>
              <a:path w="7112000" h="60960">
                <a:moveTo>
                  <a:pt x="6985000" y="15239"/>
                </a:moveTo>
                <a:lnTo>
                  <a:pt x="6985000" y="0"/>
                </a:lnTo>
                <a:lnTo>
                  <a:pt x="6858000" y="761"/>
                </a:lnTo>
                <a:lnTo>
                  <a:pt x="6858000" y="19811"/>
                </a:lnTo>
                <a:lnTo>
                  <a:pt x="6985000" y="15239"/>
                </a:lnTo>
                <a:close/>
              </a:path>
              <a:path w="7112000" h="60960">
                <a:moveTo>
                  <a:pt x="7112000" y="43433"/>
                </a:moveTo>
                <a:lnTo>
                  <a:pt x="7112000" y="32566"/>
                </a:lnTo>
                <a:lnTo>
                  <a:pt x="6985000" y="33527"/>
                </a:lnTo>
                <a:lnTo>
                  <a:pt x="6985000" y="44183"/>
                </a:lnTo>
                <a:lnTo>
                  <a:pt x="7112000" y="43433"/>
                </a:lnTo>
                <a:close/>
              </a:path>
            </a:pathLst>
          </a:custGeom>
          <a:solidFill>
            <a:srgbClr val="FF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7" name="object 167"/>
          <p:cNvSpPr/>
          <p:nvPr/>
        </p:nvSpPr>
        <p:spPr>
          <a:xfrm>
            <a:off x="1840752" y="1995544"/>
            <a:ext cx="4407647" cy="42209"/>
          </a:xfrm>
          <a:custGeom>
            <a:avLst/>
            <a:gdLst/>
            <a:ahLst/>
            <a:cxnLst/>
            <a:rect l="l" t="t" r="r" b="b"/>
            <a:pathLst>
              <a:path w="7493000" h="71755">
                <a:moveTo>
                  <a:pt x="127000" y="48435"/>
                </a:moveTo>
                <a:lnTo>
                  <a:pt x="127000" y="37040"/>
                </a:lnTo>
                <a:lnTo>
                  <a:pt x="0" y="32651"/>
                </a:lnTo>
                <a:lnTo>
                  <a:pt x="0" y="44269"/>
                </a:lnTo>
                <a:lnTo>
                  <a:pt x="127000" y="48435"/>
                </a:lnTo>
                <a:close/>
              </a:path>
              <a:path w="7493000" h="71755">
                <a:moveTo>
                  <a:pt x="254000" y="48645"/>
                </a:moveTo>
                <a:lnTo>
                  <a:pt x="254000" y="38099"/>
                </a:lnTo>
                <a:lnTo>
                  <a:pt x="127000" y="40385"/>
                </a:lnTo>
                <a:lnTo>
                  <a:pt x="127000" y="50089"/>
                </a:lnTo>
                <a:lnTo>
                  <a:pt x="254000" y="48645"/>
                </a:lnTo>
                <a:close/>
              </a:path>
              <a:path w="7493000" h="71755">
                <a:moveTo>
                  <a:pt x="381000" y="30479"/>
                </a:moveTo>
                <a:lnTo>
                  <a:pt x="381000" y="0"/>
                </a:lnTo>
                <a:lnTo>
                  <a:pt x="254000" y="2285"/>
                </a:lnTo>
                <a:lnTo>
                  <a:pt x="254000" y="32765"/>
                </a:lnTo>
                <a:lnTo>
                  <a:pt x="381000" y="30479"/>
                </a:lnTo>
                <a:close/>
              </a:path>
              <a:path w="7493000" h="71755">
                <a:moveTo>
                  <a:pt x="508000" y="51815"/>
                </a:moveTo>
                <a:lnTo>
                  <a:pt x="508000" y="38861"/>
                </a:lnTo>
                <a:lnTo>
                  <a:pt x="381000" y="41147"/>
                </a:lnTo>
                <a:lnTo>
                  <a:pt x="381000" y="53339"/>
                </a:lnTo>
                <a:lnTo>
                  <a:pt x="508000" y="51815"/>
                </a:lnTo>
                <a:close/>
              </a:path>
              <a:path w="7493000" h="71755">
                <a:moveTo>
                  <a:pt x="635000" y="40894"/>
                </a:moveTo>
                <a:lnTo>
                  <a:pt x="635000" y="18287"/>
                </a:lnTo>
                <a:lnTo>
                  <a:pt x="508000" y="0"/>
                </a:lnTo>
                <a:lnTo>
                  <a:pt x="508000" y="36094"/>
                </a:lnTo>
                <a:lnTo>
                  <a:pt x="635000" y="40894"/>
                </a:lnTo>
                <a:close/>
              </a:path>
              <a:path w="7493000" h="71755">
                <a:moveTo>
                  <a:pt x="762000" y="52148"/>
                </a:moveTo>
                <a:lnTo>
                  <a:pt x="762000" y="36575"/>
                </a:lnTo>
                <a:lnTo>
                  <a:pt x="635000" y="37337"/>
                </a:lnTo>
                <a:lnTo>
                  <a:pt x="635000" y="50619"/>
                </a:lnTo>
                <a:lnTo>
                  <a:pt x="762000" y="52148"/>
                </a:lnTo>
                <a:close/>
              </a:path>
              <a:path w="7493000" h="71755">
                <a:moveTo>
                  <a:pt x="889000" y="70865"/>
                </a:moveTo>
                <a:lnTo>
                  <a:pt x="889000" y="60959"/>
                </a:lnTo>
                <a:lnTo>
                  <a:pt x="762000" y="60959"/>
                </a:lnTo>
                <a:lnTo>
                  <a:pt x="762000" y="71627"/>
                </a:lnTo>
                <a:lnTo>
                  <a:pt x="889000" y="70865"/>
                </a:lnTo>
                <a:close/>
              </a:path>
              <a:path w="7493000" h="71755">
                <a:moveTo>
                  <a:pt x="1016000" y="54863"/>
                </a:moveTo>
                <a:lnTo>
                  <a:pt x="1016000" y="37337"/>
                </a:lnTo>
                <a:lnTo>
                  <a:pt x="889000" y="44195"/>
                </a:lnTo>
                <a:lnTo>
                  <a:pt x="889000" y="58673"/>
                </a:lnTo>
                <a:lnTo>
                  <a:pt x="1016000" y="54863"/>
                </a:lnTo>
                <a:close/>
              </a:path>
              <a:path w="7493000" h="71755">
                <a:moveTo>
                  <a:pt x="1524000" y="10667"/>
                </a:moveTo>
                <a:lnTo>
                  <a:pt x="1524000" y="0"/>
                </a:lnTo>
                <a:lnTo>
                  <a:pt x="1397000" y="0"/>
                </a:lnTo>
                <a:lnTo>
                  <a:pt x="1524000" y="10667"/>
                </a:lnTo>
                <a:close/>
              </a:path>
              <a:path w="7493000" h="71755">
                <a:moveTo>
                  <a:pt x="4953000" y="20980"/>
                </a:moveTo>
                <a:lnTo>
                  <a:pt x="4953000" y="0"/>
                </a:lnTo>
                <a:lnTo>
                  <a:pt x="4699000" y="0"/>
                </a:lnTo>
                <a:lnTo>
                  <a:pt x="4826000" y="12953"/>
                </a:lnTo>
                <a:lnTo>
                  <a:pt x="4826000" y="24709"/>
                </a:lnTo>
                <a:lnTo>
                  <a:pt x="4953000" y="20980"/>
                </a:lnTo>
                <a:close/>
              </a:path>
              <a:path w="7493000" h="71755">
                <a:moveTo>
                  <a:pt x="6223000" y="0"/>
                </a:moveTo>
                <a:lnTo>
                  <a:pt x="6096000" y="0"/>
                </a:lnTo>
                <a:lnTo>
                  <a:pt x="6096000" y="9143"/>
                </a:lnTo>
                <a:lnTo>
                  <a:pt x="6223000" y="0"/>
                </a:lnTo>
                <a:close/>
              </a:path>
              <a:path w="7493000" h="71755">
                <a:moveTo>
                  <a:pt x="6350000" y="31241"/>
                </a:moveTo>
                <a:lnTo>
                  <a:pt x="6350000" y="3047"/>
                </a:lnTo>
                <a:lnTo>
                  <a:pt x="6223000" y="9905"/>
                </a:lnTo>
                <a:lnTo>
                  <a:pt x="6223000" y="33527"/>
                </a:lnTo>
                <a:lnTo>
                  <a:pt x="6350000" y="31241"/>
                </a:lnTo>
                <a:close/>
              </a:path>
              <a:path w="7493000" h="71755">
                <a:moveTo>
                  <a:pt x="6477000" y="29717"/>
                </a:moveTo>
                <a:lnTo>
                  <a:pt x="6477000" y="761"/>
                </a:lnTo>
                <a:lnTo>
                  <a:pt x="6350000" y="8381"/>
                </a:lnTo>
                <a:lnTo>
                  <a:pt x="6350000" y="32765"/>
                </a:lnTo>
                <a:lnTo>
                  <a:pt x="6477000" y="29717"/>
                </a:lnTo>
                <a:close/>
              </a:path>
              <a:path w="7493000" h="71755">
                <a:moveTo>
                  <a:pt x="6858000" y="34289"/>
                </a:moveTo>
                <a:lnTo>
                  <a:pt x="6858000" y="9143"/>
                </a:lnTo>
                <a:lnTo>
                  <a:pt x="6731000" y="10667"/>
                </a:lnTo>
                <a:lnTo>
                  <a:pt x="6731000" y="32003"/>
                </a:lnTo>
                <a:lnTo>
                  <a:pt x="6858000" y="34289"/>
                </a:lnTo>
                <a:close/>
              </a:path>
              <a:path w="7493000" h="71755">
                <a:moveTo>
                  <a:pt x="6985000" y="38099"/>
                </a:moveTo>
                <a:lnTo>
                  <a:pt x="6985000" y="15239"/>
                </a:lnTo>
                <a:lnTo>
                  <a:pt x="6858000" y="19811"/>
                </a:lnTo>
                <a:lnTo>
                  <a:pt x="6858000" y="39623"/>
                </a:lnTo>
                <a:lnTo>
                  <a:pt x="6985000" y="38099"/>
                </a:lnTo>
                <a:close/>
              </a:path>
              <a:path w="7493000" h="71755">
                <a:moveTo>
                  <a:pt x="7112000" y="57848"/>
                </a:moveTo>
                <a:lnTo>
                  <a:pt x="7112000" y="43433"/>
                </a:lnTo>
                <a:lnTo>
                  <a:pt x="6985000" y="44183"/>
                </a:lnTo>
                <a:lnTo>
                  <a:pt x="6985000" y="58005"/>
                </a:lnTo>
                <a:lnTo>
                  <a:pt x="7112000" y="57848"/>
                </a:lnTo>
                <a:close/>
              </a:path>
              <a:path w="7493000" h="71755">
                <a:moveTo>
                  <a:pt x="7239000" y="8381"/>
                </a:moveTo>
                <a:lnTo>
                  <a:pt x="7239000" y="0"/>
                </a:lnTo>
                <a:lnTo>
                  <a:pt x="7112000" y="0"/>
                </a:lnTo>
                <a:lnTo>
                  <a:pt x="7112000" y="27043"/>
                </a:lnTo>
                <a:lnTo>
                  <a:pt x="7239000" y="8381"/>
                </a:lnTo>
                <a:close/>
              </a:path>
              <a:path w="7493000" h="71755">
                <a:moveTo>
                  <a:pt x="7493000" y="5333"/>
                </a:moveTo>
                <a:lnTo>
                  <a:pt x="7493000" y="0"/>
                </a:lnTo>
                <a:lnTo>
                  <a:pt x="7366000" y="0"/>
                </a:lnTo>
                <a:lnTo>
                  <a:pt x="7366000" y="9143"/>
                </a:lnTo>
                <a:lnTo>
                  <a:pt x="7493000" y="5333"/>
                </a:lnTo>
                <a:close/>
              </a:path>
            </a:pathLst>
          </a:custGeom>
          <a:solidFill>
            <a:srgbClr val="FF1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8" name="object 168"/>
          <p:cNvSpPr/>
          <p:nvPr/>
        </p:nvSpPr>
        <p:spPr>
          <a:xfrm>
            <a:off x="1691341" y="1995544"/>
            <a:ext cx="6723529" cy="66115"/>
          </a:xfrm>
          <a:custGeom>
            <a:avLst/>
            <a:gdLst/>
            <a:ahLst/>
            <a:cxnLst/>
            <a:rect l="l" t="t" r="r" b="b"/>
            <a:pathLst>
              <a:path w="11430000" h="112394">
                <a:moveTo>
                  <a:pt x="127000" y="2285"/>
                </a:moveTo>
                <a:lnTo>
                  <a:pt x="127000" y="0"/>
                </a:lnTo>
                <a:lnTo>
                  <a:pt x="0" y="0"/>
                </a:lnTo>
                <a:lnTo>
                  <a:pt x="0" y="6095"/>
                </a:lnTo>
                <a:lnTo>
                  <a:pt x="127000" y="2285"/>
                </a:lnTo>
                <a:close/>
              </a:path>
              <a:path w="11430000" h="112394">
                <a:moveTo>
                  <a:pt x="381000" y="60959"/>
                </a:moveTo>
                <a:lnTo>
                  <a:pt x="381000" y="48435"/>
                </a:lnTo>
                <a:lnTo>
                  <a:pt x="254000" y="44269"/>
                </a:lnTo>
                <a:lnTo>
                  <a:pt x="254000" y="54863"/>
                </a:lnTo>
                <a:lnTo>
                  <a:pt x="381000" y="60959"/>
                </a:lnTo>
                <a:close/>
              </a:path>
              <a:path w="11430000" h="112394">
                <a:moveTo>
                  <a:pt x="508000" y="58673"/>
                </a:moveTo>
                <a:lnTo>
                  <a:pt x="508000" y="48645"/>
                </a:lnTo>
                <a:lnTo>
                  <a:pt x="381000" y="50089"/>
                </a:lnTo>
                <a:lnTo>
                  <a:pt x="381000" y="59561"/>
                </a:lnTo>
                <a:lnTo>
                  <a:pt x="508000" y="58673"/>
                </a:lnTo>
                <a:close/>
              </a:path>
              <a:path w="11430000" h="112394">
                <a:moveTo>
                  <a:pt x="635000" y="51053"/>
                </a:moveTo>
                <a:lnTo>
                  <a:pt x="635000" y="30479"/>
                </a:lnTo>
                <a:lnTo>
                  <a:pt x="508000" y="32765"/>
                </a:lnTo>
                <a:lnTo>
                  <a:pt x="508000" y="51815"/>
                </a:lnTo>
                <a:lnTo>
                  <a:pt x="635000" y="51053"/>
                </a:lnTo>
                <a:close/>
              </a:path>
              <a:path w="11430000" h="112394">
                <a:moveTo>
                  <a:pt x="762000" y="65531"/>
                </a:moveTo>
                <a:lnTo>
                  <a:pt x="762000" y="51815"/>
                </a:lnTo>
                <a:lnTo>
                  <a:pt x="635000" y="53339"/>
                </a:lnTo>
                <a:lnTo>
                  <a:pt x="635000" y="66219"/>
                </a:lnTo>
                <a:lnTo>
                  <a:pt x="762000" y="65531"/>
                </a:lnTo>
                <a:close/>
              </a:path>
              <a:path w="11430000" h="112394">
                <a:moveTo>
                  <a:pt x="889000" y="49060"/>
                </a:moveTo>
                <a:lnTo>
                  <a:pt x="889000" y="40894"/>
                </a:lnTo>
                <a:lnTo>
                  <a:pt x="762000" y="36094"/>
                </a:lnTo>
                <a:lnTo>
                  <a:pt x="762000" y="45719"/>
                </a:lnTo>
                <a:lnTo>
                  <a:pt x="889000" y="49060"/>
                </a:lnTo>
                <a:close/>
              </a:path>
              <a:path w="11430000" h="112394">
                <a:moveTo>
                  <a:pt x="1016000" y="68887"/>
                </a:moveTo>
                <a:lnTo>
                  <a:pt x="1016000" y="52148"/>
                </a:lnTo>
                <a:lnTo>
                  <a:pt x="889000" y="50619"/>
                </a:lnTo>
                <a:lnTo>
                  <a:pt x="889000" y="67194"/>
                </a:lnTo>
                <a:lnTo>
                  <a:pt x="1016000" y="68887"/>
                </a:lnTo>
                <a:close/>
              </a:path>
              <a:path w="11430000" h="112394">
                <a:moveTo>
                  <a:pt x="1143000" y="80771"/>
                </a:moveTo>
                <a:lnTo>
                  <a:pt x="1143000" y="70865"/>
                </a:lnTo>
                <a:lnTo>
                  <a:pt x="1016000" y="71627"/>
                </a:lnTo>
                <a:lnTo>
                  <a:pt x="1016000" y="82295"/>
                </a:lnTo>
                <a:lnTo>
                  <a:pt x="1143000" y="80771"/>
                </a:lnTo>
                <a:close/>
              </a:path>
              <a:path w="11430000" h="112394">
                <a:moveTo>
                  <a:pt x="1270000" y="71484"/>
                </a:moveTo>
                <a:lnTo>
                  <a:pt x="1270000" y="54863"/>
                </a:lnTo>
                <a:lnTo>
                  <a:pt x="1143000" y="58673"/>
                </a:lnTo>
                <a:lnTo>
                  <a:pt x="1143000" y="74638"/>
                </a:lnTo>
                <a:lnTo>
                  <a:pt x="1270000" y="71484"/>
                </a:lnTo>
                <a:close/>
              </a:path>
              <a:path w="11430000" h="112394">
                <a:moveTo>
                  <a:pt x="1524000" y="17525"/>
                </a:moveTo>
                <a:lnTo>
                  <a:pt x="1524000" y="0"/>
                </a:lnTo>
                <a:lnTo>
                  <a:pt x="1270000" y="0"/>
                </a:lnTo>
                <a:lnTo>
                  <a:pt x="1270000" y="42739"/>
                </a:lnTo>
                <a:lnTo>
                  <a:pt x="1397000" y="37845"/>
                </a:lnTo>
                <a:lnTo>
                  <a:pt x="1397000" y="19811"/>
                </a:lnTo>
                <a:lnTo>
                  <a:pt x="1524000" y="17525"/>
                </a:lnTo>
                <a:close/>
              </a:path>
              <a:path w="11430000" h="112394">
                <a:moveTo>
                  <a:pt x="1778000" y="44195"/>
                </a:moveTo>
                <a:lnTo>
                  <a:pt x="1778000" y="10667"/>
                </a:lnTo>
                <a:lnTo>
                  <a:pt x="1651000" y="0"/>
                </a:lnTo>
                <a:lnTo>
                  <a:pt x="1651000" y="41909"/>
                </a:lnTo>
                <a:lnTo>
                  <a:pt x="1778000" y="44195"/>
                </a:lnTo>
                <a:close/>
              </a:path>
              <a:path w="11430000" h="112394">
                <a:moveTo>
                  <a:pt x="3683000" y="14477"/>
                </a:moveTo>
                <a:lnTo>
                  <a:pt x="3683000" y="0"/>
                </a:lnTo>
                <a:lnTo>
                  <a:pt x="3556000" y="0"/>
                </a:lnTo>
                <a:lnTo>
                  <a:pt x="3556000" y="18287"/>
                </a:lnTo>
                <a:lnTo>
                  <a:pt x="3683000" y="14477"/>
                </a:lnTo>
                <a:close/>
              </a:path>
              <a:path w="11430000" h="112394">
                <a:moveTo>
                  <a:pt x="5080000" y="39623"/>
                </a:moveTo>
                <a:lnTo>
                  <a:pt x="5080000" y="12953"/>
                </a:lnTo>
                <a:lnTo>
                  <a:pt x="4953000" y="0"/>
                </a:lnTo>
                <a:lnTo>
                  <a:pt x="4826000" y="0"/>
                </a:lnTo>
                <a:lnTo>
                  <a:pt x="4826000" y="32003"/>
                </a:lnTo>
                <a:lnTo>
                  <a:pt x="4953000" y="28193"/>
                </a:lnTo>
                <a:lnTo>
                  <a:pt x="4953000" y="32003"/>
                </a:lnTo>
                <a:lnTo>
                  <a:pt x="5080000" y="39623"/>
                </a:lnTo>
                <a:close/>
              </a:path>
              <a:path w="11430000" h="112394">
                <a:moveTo>
                  <a:pt x="5207000" y="42671"/>
                </a:moveTo>
                <a:lnTo>
                  <a:pt x="5207000" y="20980"/>
                </a:lnTo>
                <a:lnTo>
                  <a:pt x="5080000" y="24709"/>
                </a:lnTo>
                <a:lnTo>
                  <a:pt x="5080000" y="45719"/>
                </a:lnTo>
                <a:lnTo>
                  <a:pt x="5207000" y="42671"/>
                </a:lnTo>
                <a:close/>
              </a:path>
              <a:path w="11430000" h="112394">
                <a:moveTo>
                  <a:pt x="5334000" y="16763"/>
                </a:moveTo>
                <a:lnTo>
                  <a:pt x="5334000" y="0"/>
                </a:lnTo>
                <a:lnTo>
                  <a:pt x="5207000" y="0"/>
                </a:lnTo>
                <a:lnTo>
                  <a:pt x="5207000" y="27431"/>
                </a:lnTo>
                <a:lnTo>
                  <a:pt x="5334000" y="16763"/>
                </a:lnTo>
                <a:close/>
              </a:path>
              <a:path w="11430000" h="112394">
                <a:moveTo>
                  <a:pt x="5842000" y="6857"/>
                </a:moveTo>
                <a:lnTo>
                  <a:pt x="5842000" y="0"/>
                </a:lnTo>
                <a:lnTo>
                  <a:pt x="5715000" y="0"/>
                </a:lnTo>
                <a:lnTo>
                  <a:pt x="5715000" y="17525"/>
                </a:lnTo>
                <a:lnTo>
                  <a:pt x="5842000" y="6857"/>
                </a:lnTo>
                <a:close/>
              </a:path>
              <a:path w="11430000" h="112394">
                <a:moveTo>
                  <a:pt x="6477000" y="51053"/>
                </a:moveTo>
                <a:lnTo>
                  <a:pt x="6477000" y="0"/>
                </a:lnTo>
                <a:lnTo>
                  <a:pt x="6350000" y="9143"/>
                </a:lnTo>
                <a:lnTo>
                  <a:pt x="6350000" y="48767"/>
                </a:lnTo>
                <a:lnTo>
                  <a:pt x="6477000" y="51053"/>
                </a:lnTo>
                <a:close/>
              </a:path>
              <a:path w="11430000" h="112394">
                <a:moveTo>
                  <a:pt x="6604000" y="50291"/>
                </a:moveTo>
                <a:lnTo>
                  <a:pt x="6604000" y="31241"/>
                </a:lnTo>
                <a:lnTo>
                  <a:pt x="6477000" y="33527"/>
                </a:lnTo>
                <a:lnTo>
                  <a:pt x="6477000" y="52577"/>
                </a:lnTo>
                <a:lnTo>
                  <a:pt x="6604000" y="50291"/>
                </a:lnTo>
                <a:close/>
              </a:path>
              <a:path w="11430000" h="112394">
                <a:moveTo>
                  <a:pt x="6731000" y="47243"/>
                </a:moveTo>
                <a:lnTo>
                  <a:pt x="6731000" y="29717"/>
                </a:lnTo>
                <a:lnTo>
                  <a:pt x="6604000" y="32765"/>
                </a:lnTo>
                <a:lnTo>
                  <a:pt x="6604000" y="51815"/>
                </a:lnTo>
                <a:lnTo>
                  <a:pt x="6731000" y="47243"/>
                </a:lnTo>
                <a:close/>
              </a:path>
              <a:path w="11430000" h="112394">
                <a:moveTo>
                  <a:pt x="6985000" y="27431"/>
                </a:moveTo>
                <a:lnTo>
                  <a:pt x="6985000" y="0"/>
                </a:lnTo>
                <a:lnTo>
                  <a:pt x="6731000" y="0"/>
                </a:lnTo>
                <a:lnTo>
                  <a:pt x="6731000" y="27431"/>
                </a:lnTo>
                <a:lnTo>
                  <a:pt x="6858000" y="25145"/>
                </a:lnTo>
                <a:lnTo>
                  <a:pt x="6858000" y="27431"/>
                </a:lnTo>
                <a:lnTo>
                  <a:pt x="6985000" y="27431"/>
                </a:lnTo>
                <a:close/>
              </a:path>
              <a:path w="11430000" h="112394">
                <a:moveTo>
                  <a:pt x="7112000" y="56205"/>
                </a:moveTo>
                <a:lnTo>
                  <a:pt x="7112000" y="34289"/>
                </a:lnTo>
                <a:lnTo>
                  <a:pt x="6985000" y="32003"/>
                </a:lnTo>
                <a:lnTo>
                  <a:pt x="6985000" y="52532"/>
                </a:lnTo>
                <a:lnTo>
                  <a:pt x="7112000" y="56205"/>
                </a:lnTo>
                <a:close/>
              </a:path>
              <a:path w="11430000" h="112394">
                <a:moveTo>
                  <a:pt x="7239000" y="56387"/>
                </a:moveTo>
                <a:lnTo>
                  <a:pt x="7239000" y="38099"/>
                </a:lnTo>
                <a:lnTo>
                  <a:pt x="7112000" y="39623"/>
                </a:lnTo>
                <a:lnTo>
                  <a:pt x="7112000" y="57337"/>
                </a:lnTo>
                <a:lnTo>
                  <a:pt x="7239000" y="56387"/>
                </a:lnTo>
                <a:close/>
              </a:path>
              <a:path w="11430000" h="112394">
                <a:moveTo>
                  <a:pt x="7366000" y="72169"/>
                </a:moveTo>
                <a:lnTo>
                  <a:pt x="7366000" y="57848"/>
                </a:lnTo>
                <a:lnTo>
                  <a:pt x="7239000" y="58005"/>
                </a:lnTo>
                <a:lnTo>
                  <a:pt x="7239000" y="72200"/>
                </a:lnTo>
                <a:lnTo>
                  <a:pt x="7366000" y="72169"/>
                </a:lnTo>
                <a:close/>
              </a:path>
              <a:path w="11430000" h="112394">
                <a:moveTo>
                  <a:pt x="7493000" y="54101"/>
                </a:moveTo>
                <a:lnTo>
                  <a:pt x="7493000" y="8381"/>
                </a:lnTo>
                <a:lnTo>
                  <a:pt x="7366000" y="27043"/>
                </a:lnTo>
                <a:lnTo>
                  <a:pt x="7366000" y="55625"/>
                </a:lnTo>
                <a:lnTo>
                  <a:pt x="7493000" y="54101"/>
                </a:lnTo>
                <a:close/>
              </a:path>
              <a:path w="11430000" h="112394">
                <a:moveTo>
                  <a:pt x="7620000" y="39623"/>
                </a:moveTo>
                <a:lnTo>
                  <a:pt x="7620000" y="0"/>
                </a:lnTo>
                <a:lnTo>
                  <a:pt x="7493000" y="0"/>
                </a:lnTo>
                <a:lnTo>
                  <a:pt x="7493000" y="28955"/>
                </a:lnTo>
                <a:lnTo>
                  <a:pt x="7620000" y="39623"/>
                </a:lnTo>
                <a:close/>
              </a:path>
              <a:path w="11430000" h="112394">
                <a:moveTo>
                  <a:pt x="7747000" y="32765"/>
                </a:moveTo>
                <a:lnTo>
                  <a:pt x="7747000" y="5333"/>
                </a:lnTo>
                <a:lnTo>
                  <a:pt x="7620000" y="9143"/>
                </a:lnTo>
                <a:lnTo>
                  <a:pt x="7620000" y="37337"/>
                </a:lnTo>
                <a:lnTo>
                  <a:pt x="7747000" y="32765"/>
                </a:lnTo>
                <a:close/>
              </a:path>
              <a:path w="11430000" h="112394">
                <a:moveTo>
                  <a:pt x="7874000" y="27431"/>
                </a:moveTo>
                <a:lnTo>
                  <a:pt x="7874000" y="0"/>
                </a:lnTo>
                <a:lnTo>
                  <a:pt x="7747000" y="0"/>
                </a:lnTo>
                <a:lnTo>
                  <a:pt x="7747000" y="29717"/>
                </a:lnTo>
                <a:lnTo>
                  <a:pt x="7874000" y="27431"/>
                </a:lnTo>
                <a:close/>
              </a:path>
              <a:path w="11430000" h="112394">
                <a:moveTo>
                  <a:pt x="8128000" y="16001"/>
                </a:moveTo>
                <a:lnTo>
                  <a:pt x="8128000" y="0"/>
                </a:lnTo>
                <a:lnTo>
                  <a:pt x="8001000" y="0"/>
                </a:lnTo>
                <a:lnTo>
                  <a:pt x="8001000" y="16001"/>
                </a:lnTo>
                <a:lnTo>
                  <a:pt x="8128000" y="16001"/>
                </a:lnTo>
                <a:close/>
              </a:path>
              <a:path w="11430000" h="112394">
                <a:moveTo>
                  <a:pt x="9652000" y="24383"/>
                </a:moveTo>
                <a:lnTo>
                  <a:pt x="9652000" y="0"/>
                </a:lnTo>
                <a:lnTo>
                  <a:pt x="9398000" y="0"/>
                </a:lnTo>
                <a:lnTo>
                  <a:pt x="9525000" y="9905"/>
                </a:lnTo>
                <a:lnTo>
                  <a:pt x="9525000" y="19811"/>
                </a:lnTo>
                <a:lnTo>
                  <a:pt x="9652000" y="24383"/>
                </a:lnTo>
                <a:close/>
              </a:path>
              <a:path w="11430000" h="112394">
                <a:moveTo>
                  <a:pt x="9906000" y="11429"/>
                </a:moveTo>
                <a:lnTo>
                  <a:pt x="9906000" y="0"/>
                </a:lnTo>
                <a:lnTo>
                  <a:pt x="9779000" y="0"/>
                </a:lnTo>
                <a:lnTo>
                  <a:pt x="9779000" y="12191"/>
                </a:lnTo>
                <a:lnTo>
                  <a:pt x="9906000" y="11429"/>
                </a:lnTo>
                <a:close/>
              </a:path>
              <a:path w="11430000" h="112394">
                <a:moveTo>
                  <a:pt x="10287000" y="23621"/>
                </a:moveTo>
                <a:lnTo>
                  <a:pt x="10287000" y="0"/>
                </a:lnTo>
                <a:lnTo>
                  <a:pt x="10033000" y="0"/>
                </a:lnTo>
                <a:lnTo>
                  <a:pt x="10033000" y="19811"/>
                </a:lnTo>
                <a:lnTo>
                  <a:pt x="10160000" y="11429"/>
                </a:lnTo>
                <a:lnTo>
                  <a:pt x="10160000" y="25907"/>
                </a:lnTo>
                <a:lnTo>
                  <a:pt x="10287000" y="23621"/>
                </a:lnTo>
                <a:close/>
              </a:path>
              <a:path w="11430000" h="112394">
                <a:moveTo>
                  <a:pt x="11049000" y="112013"/>
                </a:moveTo>
                <a:lnTo>
                  <a:pt x="11049000" y="95249"/>
                </a:lnTo>
                <a:lnTo>
                  <a:pt x="10922000" y="108203"/>
                </a:lnTo>
                <a:lnTo>
                  <a:pt x="11049000" y="112013"/>
                </a:lnTo>
                <a:close/>
              </a:path>
              <a:path w="11430000" h="112394">
                <a:moveTo>
                  <a:pt x="11430000" y="2285"/>
                </a:moveTo>
                <a:lnTo>
                  <a:pt x="11430000" y="0"/>
                </a:lnTo>
                <a:lnTo>
                  <a:pt x="11176000" y="0"/>
                </a:lnTo>
                <a:lnTo>
                  <a:pt x="11176000" y="34289"/>
                </a:lnTo>
                <a:lnTo>
                  <a:pt x="11303000" y="27431"/>
                </a:lnTo>
                <a:lnTo>
                  <a:pt x="11303000" y="7619"/>
                </a:lnTo>
                <a:lnTo>
                  <a:pt x="11430000" y="2285"/>
                </a:lnTo>
                <a:close/>
              </a:path>
            </a:pathLst>
          </a:custGeom>
          <a:solidFill>
            <a:srgbClr val="FF3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9" name="object 169"/>
          <p:cNvSpPr/>
          <p:nvPr/>
        </p:nvSpPr>
        <p:spPr>
          <a:xfrm>
            <a:off x="1616635" y="1995543"/>
            <a:ext cx="6798235" cy="265579"/>
          </a:xfrm>
          <a:custGeom>
            <a:avLst/>
            <a:gdLst/>
            <a:ahLst/>
            <a:cxnLst/>
            <a:rect l="l" t="t" r="r" b="b"/>
            <a:pathLst>
              <a:path w="11557000" h="451485">
                <a:moveTo>
                  <a:pt x="127000" y="761"/>
                </a:moveTo>
                <a:lnTo>
                  <a:pt x="127000" y="0"/>
                </a:lnTo>
                <a:lnTo>
                  <a:pt x="0" y="0"/>
                </a:lnTo>
                <a:lnTo>
                  <a:pt x="127000" y="761"/>
                </a:lnTo>
                <a:close/>
              </a:path>
              <a:path w="11557000" h="451485">
                <a:moveTo>
                  <a:pt x="254000" y="21335"/>
                </a:moveTo>
                <a:lnTo>
                  <a:pt x="254000" y="2285"/>
                </a:lnTo>
                <a:lnTo>
                  <a:pt x="127000" y="6095"/>
                </a:lnTo>
                <a:lnTo>
                  <a:pt x="127000" y="25145"/>
                </a:lnTo>
                <a:lnTo>
                  <a:pt x="254000" y="21335"/>
                </a:lnTo>
                <a:close/>
              </a:path>
              <a:path w="11557000" h="451485">
                <a:moveTo>
                  <a:pt x="381000" y="5333"/>
                </a:moveTo>
                <a:lnTo>
                  <a:pt x="381000" y="0"/>
                </a:lnTo>
                <a:lnTo>
                  <a:pt x="254000" y="0"/>
                </a:lnTo>
                <a:lnTo>
                  <a:pt x="254000" y="14477"/>
                </a:lnTo>
                <a:lnTo>
                  <a:pt x="381000" y="5333"/>
                </a:lnTo>
                <a:close/>
              </a:path>
              <a:path w="11557000" h="451485">
                <a:moveTo>
                  <a:pt x="508000" y="64607"/>
                </a:moveTo>
                <a:lnTo>
                  <a:pt x="508000" y="60959"/>
                </a:lnTo>
                <a:lnTo>
                  <a:pt x="381000" y="54863"/>
                </a:lnTo>
                <a:lnTo>
                  <a:pt x="381000" y="62283"/>
                </a:lnTo>
                <a:lnTo>
                  <a:pt x="508000" y="64607"/>
                </a:lnTo>
                <a:close/>
              </a:path>
              <a:path w="11557000" h="451485">
                <a:moveTo>
                  <a:pt x="635000" y="67055"/>
                </a:moveTo>
                <a:lnTo>
                  <a:pt x="635000" y="58673"/>
                </a:lnTo>
                <a:lnTo>
                  <a:pt x="508000" y="59561"/>
                </a:lnTo>
                <a:lnTo>
                  <a:pt x="508000" y="67661"/>
                </a:lnTo>
                <a:lnTo>
                  <a:pt x="635000" y="67055"/>
                </a:lnTo>
                <a:close/>
              </a:path>
              <a:path w="11557000" h="451485">
                <a:moveTo>
                  <a:pt x="762000" y="64809"/>
                </a:moveTo>
                <a:lnTo>
                  <a:pt x="762000" y="51053"/>
                </a:lnTo>
                <a:lnTo>
                  <a:pt x="635000" y="51815"/>
                </a:lnTo>
                <a:lnTo>
                  <a:pt x="635000" y="66085"/>
                </a:lnTo>
                <a:lnTo>
                  <a:pt x="762000" y="64809"/>
                </a:lnTo>
                <a:close/>
              </a:path>
              <a:path w="11557000" h="451485">
                <a:moveTo>
                  <a:pt x="889000" y="76199"/>
                </a:moveTo>
                <a:lnTo>
                  <a:pt x="889000" y="65531"/>
                </a:lnTo>
                <a:lnTo>
                  <a:pt x="762000" y="66219"/>
                </a:lnTo>
                <a:lnTo>
                  <a:pt x="762000" y="75437"/>
                </a:lnTo>
                <a:lnTo>
                  <a:pt x="889000" y="76199"/>
                </a:lnTo>
                <a:close/>
              </a:path>
              <a:path w="11557000" h="451485">
                <a:moveTo>
                  <a:pt x="1016000" y="61822"/>
                </a:moveTo>
                <a:lnTo>
                  <a:pt x="1016000" y="49060"/>
                </a:lnTo>
                <a:lnTo>
                  <a:pt x="889000" y="45719"/>
                </a:lnTo>
                <a:lnTo>
                  <a:pt x="889000" y="59613"/>
                </a:lnTo>
                <a:lnTo>
                  <a:pt x="1016000" y="61822"/>
                </a:lnTo>
                <a:close/>
              </a:path>
              <a:path w="11557000" h="451485">
                <a:moveTo>
                  <a:pt x="1143000" y="80513"/>
                </a:moveTo>
                <a:lnTo>
                  <a:pt x="1143000" y="68887"/>
                </a:lnTo>
                <a:lnTo>
                  <a:pt x="1016000" y="67194"/>
                </a:lnTo>
                <a:lnTo>
                  <a:pt x="1016000" y="78727"/>
                </a:lnTo>
                <a:lnTo>
                  <a:pt x="1143000" y="80513"/>
                </a:lnTo>
                <a:close/>
              </a:path>
              <a:path w="11557000" h="451485">
                <a:moveTo>
                  <a:pt x="1270000" y="92963"/>
                </a:moveTo>
                <a:lnTo>
                  <a:pt x="1270000" y="80771"/>
                </a:lnTo>
                <a:lnTo>
                  <a:pt x="1143000" y="82295"/>
                </a:lnTo>
                <a:lnTo>
                  <a:pt x="1143000" y="95249"/>
                </a:lnTo>
                <a:lnTo>
                  <a:pt x="1270000" y="92963"/>
                </a:lnTo>
                <a:close/>
              </a:path>
              <a:path w="11557000" h="451485">
                <a:moveTo>
                  <a:pt x="1397000" y="81533"/>
                </a:moveTo>
                <a:lnTo>
                  <a:pt x="1397000" y="71484"/>
                </a:lnTo>
                <a:lnTo>
                  <a:pt x="1270000" y="74638"/>
                </a:lnTo>
                <a:lnTo>
                  <a:pt x="1270000" y="83819"/>
                </a:lnTo>
                <a:lnTo>
                  <a:pt x="1397000" y="81533"/>
                </a:lnTo>
                <a:close/>
              </a:path>
              <a:path w="11557000" h="451485">
                <a:moveTo>
                  <a:pt x="1524000" y="65531"/>
                </a:moveTo>
                <a:lnTo>
                  <a:pt x="1524000" y="37845"/>
                </a:lnTo>
                <a:lnTo>
                  <a:pt x="1397000" y="42739"/>
                </a:lnTo>
                <a:lnTo>
                  <a:pt x="1397000" y="67055"/>
                </a:lnTo>
                <a:lnTo>
                  <a:pt x="1524000" y="65531"/>
                </a:lnTo>
                <a:close/>
              </a:path>
              <a:path w="11557000" h="451485">
                <a:moveTo>
                  <a:pt x="1651000" y="48739"/>
                </a:moveTo>
                <a:lnTo>
                  <a:pt x="1651000" y="17525"/>
                </a:lnTo>
                <a:lnTo>
                  <a:pt x="1524000" y="19811"/>
                </a:lnTo>
                <a:lnTo>
                  <a:pt x="1524000" y="51974"/>
                </a:lnTo>
                <a:lnTo>
                  <a:pt x="1651000" y="48739"/>
                </a:lnTo>
                <a:close/>
              </a:path>
              <a:path w="11557000" h="451485">
                <a:moveTo>
                  <a:pt x="1905000" y="76961"/>
                </a:moveTo>
                <a:lnTo>
                  <a:pt x="1905000" y="44195"/>
                </a:lnTo>
                <a:lnTo>
                  <a:pt x="1778000" y="41909"/>
                </a:lnTo>
                <a:lnTo>
                  <a:pt x="1778000" y="80771"/>
                </a:lnTo>
                <a:lnTo>
                  <a:pt x="1905000" y="76961"/>
                </a:lnTo>
                <a:close/>
              </a:path>
              <a:path w="11557000" h="451485">
                <a:moveTo>
                  <a:pt x="2032000" y="35051"/>
                </a:moveTo>
                <a:lnTo>
                  <a:pt x="2032000" y="0"/>
                </a:lnTo>
                <a:lnTo>
                  <a:pt x="1905000" y="0"/>
                </a:lnTo>
                <a:lnTo>
                  <a:pt x="1905000" y="45719"/>
                </a:lnTo>
                <a:lnTo>
                  <a:pt x="2032000" y="35051"/>
                </a:lnTo>
                <a:close/>
              </a:path>
              <a:path w="11557000" h="451485">
                <a:moveTo>
                  <a:pt x="2540000" y="11429"/>
                </a:moveTo>
                <a:lnTo>
                  <a:pt x="2540000" y="0"/>
                </a:lnTo>
                <a:lnTo>
                  <a:pt x="2413000" y="0"/>
                </a:lnTo>
                <a:lnTo>
                  <a:pt x="2540000" y="11429"/>
                </a:lnTo>
                <a:close/>
              </a:path>
              <a:path w="11557000" h="451485">
                <a:moveTo>
                  <a:pt x="2794000" y="59435"/>
                </a:moveTo>
                <a:lnTo>
                  <a:pt x="2794000" y="0"/>
                </a:lnTo>
                <a:lnTo>
                  <a:pt x="2667000" y="0"/>
                </a:lnTo>
                <a:lnTo>
                  <a:pt x="2667000" y="91439"/>
                </a:lnTo>
                <a:lnTo>
                  <a:pt x="2794000" y="59435"/>
                </a:lnTo>
                <a:close/>
              </a:path>
              <a:path w="11557000" h="451485">
                <a:moveTo>
                  <a:pt x="3810000" y="37337"/>
                </a:moveTo>
                <a:lnTo>
                  <a:pt x="3810000" y="14477"/>
                </a:lnTo>
                <a:lnTo>
                  <a:pt x="3683000" y="18287"/>
                </a:lnTo>
                <a:lnTo>
                  <a:pt x="3683000" y="39623"/>
                </a:lnTo>
                <a:lnTo>
                  <a:pt x="3810000" y="37337"/>
                </a:lnTo>
                <a:close/>
              </a:path>
              <a:path w="11557000" h="451485">
                <a:moveTo>
                  <a:pt x="3937000" y="5333"/>
                </a:moveTo>
                <a:lnTo>
                  <a:pt x="3937000" y="0"/>
                </a:lnTo>
                <a:lnTo>
                  <a:pt x="3810000" y="0"/>
                </a:lnTo>
                <a:lnTo>
                  <a:pt x="3937000" y="5333"/>
                </a:lnTo>
                <a:close/>
              </a:path>
              <a:path w="11557000" h="451485">
                <a:moveTo>
                  <a:pt x="4826000" y="13715"/>
                </a:moveTo>
                <a:lnTo>
                  <a:pt x="4826000" y="0"/>
                </a:lnTo>
                <a:lnTo>
                  <a:pt x="4699000" y="0"/>
                </a:lnTo>
                <a:lnTo>
                  <a:pt x="4699000" y="4571"/>
                </a:lnTo>
                <a:lnTo>
                  <a:pt x="4826000" y="13715"/>
                </a:lnTo>
                <a:close/>
              </a:path>
              <a:path w="11557000" h="451485">
                <a:moveTo>
                  <a:pt x="5080000" y="57911"/>
                </a:moveTo>
                <a:lnTo>
                  <a:pt x="5080000" y="28193"/>
                </a:lnTo>
                <a:lnTo>
                  <a:pt x="4953000" y="32003"/>
                </a:lnTo>
                <a:lnTo>
                  <a:pt x="4953000" y="63245"/>
                </a:lnTo>
                <a:lnTo>
                  <a:pt x="5080000" y="57911"/>
                </a:lnTo>
                <a:close/>
              </a:path>
              <a:path w="11557000" h="451485">
                <a:moveTo>
                  <a:pt x="5207000" y="57286"/>
                </a:moveTo>
                <a:lnTo>
                  <a:pt x="5207000" y="39623"/>
                </a:lnTo>
                <a:lnTo>
                  <a:pt x="5080000" y="32003"/>
                </a:lnTo>
                <a:lnTo>
                  <a:pt x="5080000" y="56387"/>
                </a:lnTo>
                <a:lnTo>
                  <a:pt x="5207000" y="57286"/>
                </a:lnTo>
                <a:close/>
              </a:path>
              <a:path w="11557000" h="451485">
                <a:moveTo>
                  <a:pt x="5334000" y="58673"/>
                </a:moveTo>
                <a:lnTo>
                  <a:pt x="5334000" y="42671"/>
                </a:lnTo>
                <a:lnTo>
                  <a:pt x="5207000" y="45719"/>
                </a:lnTo>
                <a:lnTo>
                  <a:pt x="5207000" y="62483"/>
                </a:lnTo>
                <a:lnTo>
                  <a:pt x="5334000" y="58673"/>
                </a:lnTo>
                <a:close/>
              </a:path>
              <a:path w="11557000" h="451485">
                <a:moveTo>
                  <a:pt x="5461000" y="44957"/>
                </a:moveTo>
                <a:lnTo>
                  <a:pt x="5461000" y="16763"/>
                </a:lnTo>
                <a:lnTo>
                  <a:pt x="5334000" y="27431"/>
                </a:lnTo>
                <a:lnTo>
                  <a:pt x="5334000" y="50291"/>
                </a:lnTo>
                <a:lnTo>
                  <a:pt x="5461000" y="44957"/>
                </a:lnTo>
                <a:close/>
              </a:path>
              <a:path w="11557000" h="451485">
                <a:moveTo>
                  <a:pt x="5588000" y="3047"/>
                </a:moveTo>
                <a:lnTo>
                  <a:pt x="5588000" y="0"/>
                </a:lnTo>
                <a:lnTo>
                  <a:pt x="5461000" y="0"/>
                </a:lnTo>
                <a:lnTo>
                  <a:pt x="5461000" y="19049"/>
                </a:lnTo>
                <a:lnTo>
                  <a:pt x="5588000" y="3047"/>
                </a:lnTo>
                <a:close/>
              </a:path>
              <a:path w="11557000" h="451485">
                <a:moveTo>
                  <a:pt x="5842000" y="19049"/>
                </a:moveTo>
                <a:lnTo>
                  <a:pt x="5842000" y="0"/>
                </a:lnTo>
                <a:lnTo>
                  <a:pt x="5715000" y="0"/>
                </a:lnTo>
                <a:lnTo>
                  <a:pt x="5715000" y="22097"/>
                </a:lnTo>
                <a:lnTo>
                  <a:pt x="5842000" y="19049"/>
                </a:lnTo>
                <a:close/>
              </a:path>
              <a:path w="11557000" h="451485">
                <a:moveTo>
                  <a:pt x="5969000" y="36575"/>
                </a:moveTo>
                <a:lnTo>
                  <a:pt x="5969000" y="6857"/>
                </a:lnTo>
                <a:lnTo>
                  <a:pt x="5842000" y="17525"/>
                </a:lnTo>
                <a:lnTo>
                  <a:pt x="5842000" y="41147"/>
                </a:lnTo>
                <a:lnTo>
                  <a:pt x="5969000" y="36575"/>
                </a:lnTo>
                <a:close/>
              </a:path>
              <a:path w="11557000" h="451485">
                <a:moveTo>
                  <a:pt x="6223000" y="0"/>
                </a:moveTo>
                <a:lnTo>
                  <a:pt x="5969000" y="0"/>
                </a:lnTo>
                <a:lnTo>
                  <a:pt x="5969000" y="6857"/>
                </a:lnTo>
                <a:lnTo>
                  <a:pt x="6096000" y="6095"/>
                </a:lnTo>
                <a:lnTo>
                  <a:pt x="6096000" y="25907"/>
                </a:lnTo>
                <a:lnTo>
                  <a:pt x="6223000" y="0"/>
                </a:lnTo>
                <a:close/>
              </a:path>
              <a:path w="11557000" h="451485">
                <a:moveTo>
                  <a:pt x="6096000" y="440435"/>
                </a:moveTo>
                <a:lnTo>
                  <a:pt x="6096000" y="420623"/>
                </a:lnTo>
                <a:lnTo>
                  <a:pt x="5969000" y="419099"/>
                </a:lnTo>
                <a:lnTo>
                  <a:pt x="5969000" y="441197"/>
                </a:lnTo>
                <a:lnTo>
                  <a:pt x="6096000" y="440435"/>
                </a:lnTo>
                <a:close/>
              </a:path>
              <a:path w="11557000" h="451485">
                <a:moveTo>
                  <a:pt x="6223000" y="451103"/>
                </a:moveTo>
                <a:lnTo>
                  <a:pt x="6223000" y="413003"/>
                </a:lnTo>
                <a:lnTo>
                  <a:pt x="6096000" y="419099"/>
                </a:lnTo>
                <a:lnTo>
                  <a:pt x="6096000" y="445007"/>
                </a:lnTo>
                <a:lnTo>
                  <a:pt x="6223000" y="451103"/>
                </a:lnTo>
                <a:close/>
              </a:path>
              <a:path w="11557000" h="451485">
                <a:moveTo>
                  <a:pt x="6604000" y="108203"/>
                </a:moveTo>
                <a:lnTo>
                  <a:pt x="6604000" y="51053"/>
                </a:lnTo>
                <a:lnTo>
                  <a:pt x="6477000" y="48767"/>
                </a:lnTo>
                <a:lnTo>
                  <a:pt x="6477000" y="93725"/>
                </a:lnTo>
                <a:lnTo>
                  <a:pt x="6604000" y="108203"/>
                </a:lnTo>
                <a:close/>
              </a:path>
              <a:path w="11557000" h="451485">
                <a:moveTo>
                  <a:pt x="6731000" y="65531"/>
                </a:moveTo>
                <a:lnTo>
                  <a:pt x="6731000" y="50291"/>
                </a:lnTo>
                <a:lnTo>
                  <a:pt x="6604000" y="52577"/>
                </a:lnTo>
                <a:lnTo>
                  <a:pt x="6604000" y="69341"/>
                </a:lnTo>
                <a:lnTo>
                  <a:pt x="6731000" y="65531"/>
                </a:lnTo>
                <a:close/>
              </a:path>
              <a:path w="11557000" h="451485">
                <a:moveTo>
                  <a:pt x="6858000" y="61461"/>
                </a:moveTo>
                <a:lnTo>
                  <a:pt x="6858000" y="47243"/>
                </a:lnTo>
                <a:lnTo>
                  <a:pt x="6731000" y="51815"/>
                </a:lnTo>
                <a:lnTo>
                  <a:pt x="6731000" y="67055"/>
                </a:lnTo>
                <a:lnTo>
                  <a:pt x="6858000" y="61461"/>
                </a:lnTo>
                <a:close/>
              </a:path>
              <a:path w="11557000" h="451485">
                <a:moveTo>
                  <a:pt x="6985000" y="53469"/>
                </a:moveTo>
                <a:lnTo>
                  <a:pt x="6985000" y="25145"/>
                </a:lnTo>
                <a:lnTo>
                  <a:pt x="6858000" y="27431"/>
                </a:lnTo>
                <a:lnTo>
                  <a:pt x="6858000" y="54324"/>
                </a:lnTo>
                <a:lnTo>
                  <a:pt x="6985000" y="53469"/>
                </a:lnTo>
                <a:close/>
              </a:path>
              <a:path w="11557000" h="451485">
                <a:moveTo>
                  <a:pt x="7112000" y="44195"/>
                </a:moveTo>
                <a:lnTo>
                  <a:pt x="7112000" y="27431"/>
                </a:lnTo>
                <a:lnTo>
                  <a:pt x="6985000" y="27431"/>
                </a:lnTo>
                <a:lnTo>
                  <a:pt x="6985000" y="44195"/>
                </a:lnTo>
                <a:lnTo>
                  <a:pt x="7112000" y="44195"/>
                </a:lnTo>
                <a:close/>
              </a:path>
              <a:path w="11557000" h="451485">
                <a:moveTo>
                  <a:pt x="7239000" y="71627"/>
                </a:moveTo>
                <a:lnTo>
                  <a:pt x="7239000" y="56205"/>
                </a:lnTo>
                <a:lnTo>
                  <a:pt x="7112000" y="52532"/>
                </a:lnTo>
                <a:lnTo>
                  <a:pt x="7112000" y="67817"/>
                </a:lnTo>
                <a:lnTo>
                  <a:pt x="7239000" y="71627"/>
                </a:lnTo>
                <a:close/>
              </a:path>
              <a:path w="11557000" h="451485">
                <a:moveTo>
                  <a:pt x="7366000" y="71627"/>
                </a:moveTo>
                <a:lnTo>
                  <a:pt x="7366000" y="56387"/>
                </a:lnTo>
                <a:lnTo>
                  <a:pt x="7239000" y="57337"/>
                </a:lnTo>
                <a:lnTo>
                  <a:pt x="7239000" y="73151"/>
                </a:lnTo>
                <a:lnTo>
                  <a:pt x="7366000" y="71627"/>
                </a:lnTo>
                <a:close/>
              </a:path>
              <a:path w="11557000" h="451485">
                <a:moveTo>
                  <a:pt x="7493000" y="86867"/>
                </a:moveTo>
                <a:lnTo>
                  <a:pt x="7493000" y="72169"/>
                </a:lnTo>
                <a:lnTo>
                  <a:pt x="7366000" y="72200"/>
                </a:lnTo>
                <a:lnTo>
                  <a:pt x="7366000" y="85170"/>
                </a:lnTo>
                <a:lnTo>
                  <a:pt x="7493000" y="86867"/>
                </a:lnTo>
                <a:close/>
              </a:path>
              <a:path w="11557000" h="451485">
                <a:moveTo>
                  <a:pt x="7620000" y="80009"/>
                </a:moveTo>
                <a:lnTo>
                  <a:pt x="7620000" y="54101"/>
                </a:lnTo>
                <a:lnTo>
                  <a:pt x="7493000" y="55625"/>
                </a:lnTo>
                <a:lnTo>
                  <a:pt x="7493000" y="74675"/>
                </a:lnTo>
                <a:lnTo>
                  <a:pt x="7620000" y="80009"/>
                </a:lnTo>
                <a:close/>
              </a:path>
              <a:path w="11557000" h="451485">
                <a:moveTo>
                  <a:pt x="7747000" y="62483"/>
                </a:moveTo>
                <a:lnTo>
                  <a:pt x="7747000" y="39623"/>
                </a:lnTo>
                <a:lnTo>
                  <a:pt x="7620000" y="28955"/>
                </a:lnTo>
                <a:lnTo>
                  <a:pt x="7620000" y="54101"/>
                </a:lnTo>
                <a:lnTo>
                  <a:pt x="7747000" y="62483"/>
                </a:lnTo>
                <a:close/>
              </a:path>
              <a:path w="11557000" h="451485">
                <a:moveTo>
                  <a:pt x="7874000" y="51053"/>
                </a:moveTo>
                <a:lnTo>
                  <a:pt x="7874000" y="32765"/>
                </a:lnTo>
                <a:lnTo>
                  <a:pt x="7747000" y="37337"/>
                </a:lnTo>
                <a:lnTo>
                  <a:pt x="7747000" y="54101"/>
                </a:lnTo>
                <a:lnTo>
                  <a:pt x="7874000" y="51053"/>
                </a:lnTo>
                <a:close/>
              </a:path>
              <a:path w="11557000" h="451485">
                <a:moveTo>
                  <a:pt x="8001000" y="44195"/>
                </a:moveTo>
                <a:lnTo>
                  <a:pt x="8001000" y="27431"/>
                </a:lnTo>
                <a:lnTo>
                  <a:pt x="7874000" y="29717"/>
                </a:lnTo>
                <a:lnTo>
                  <a:pt x="7874000" y="46481"/>
                </a:lnTo>
                <a:lnTo>
                  <a:pt x="8001000" y="44195"/>
                </a:lnTo>
                <a:close/>
              </a:path>
              <a:path w="11557000" h="451485">
                <a:moveTo>
                  <a:pt x="8128000" y="18287"/>
                </a:moveTo>
                <a:lnTo>
                  <a:pt x="8128000" y="0"/>
                </a:lnTo>
                <a:lnTo>
                  <a:pt x="8001000" y="0"/>
                </a:lnTo>
                <a:lnTo>
                  <a:pt x="8001000" y="19811"/>
                </a:lnTo>
                <a:lnTo>
                  <a:pt x="8128000" y="18287"/>
                </a:lnTo>
                <a:close/>
              </a:path>
              <a:path w="11557000" h="451485">
                <a:moveTo>
                  <a:pt x="8255000" y="38861"/>
                </a:moveTo>
                <a:lnTo>
                  <a:pt x="8255000" y="16001"/>
                </a:lnTo>
                <a:lnTo>
                  <a:pt x="8128000" y="16001"/>
                </a:lnTo>
                <a:lnTo>
                  <a:pt x="8128000" y="41147"/>
                </a:lnTo>
                <a:lnTo>
                  <a:pt x="8255000" y="38861"/>
                </a:lnTo>
                <a:close/>
              </a:path>
              <a:path w="11557000" h="451485">
                <a:moveTo>
                  <a:pt x="9652000" y="36575"/>
                </a:moveTo>
                <a:lnTo>
                  <a:pt x="9652000" y="9905"/>
                </a:lnTo>
                <a:lnTo>
                  <a:pt x="9525000" y="0"/>
                </a:lnTo>
                <a:lnTo>
                  <a:pt x="9525000" y="29717"/>
                </a:lnTo>
                <a:lnTo>
                  <a:pt x="9652000" y="36575"/>
                </a:lnTo>
                <a:close/>
              </a:path>
              <a:path w="11557000" h="451485">
                <a:moveTo>
                  <a:pt x="9779000" y="51815"/>
                </a:moveTo>
                <a:lnTo>
                  <a:pt x="9779000" y="24383"/>
                </a:lnTo>
                <a:lnTo>
                  <a:pt x="9652000" y="19811"/>
                </a:lnTo>
                <a:lnTo>
                  <a:pt x="9652000" y="54101"/>
                </a:lnTo>
                <a:lnTo>
                  <a:pt x="9779000" y="51815"/>
                </a:lnTo>
                <a:close/>
              </a:path>
              <a:path w="11557000" h="451485">
                <a:moveTo>
                  <a:pt x="10033000" y="38099"/>
                </a:moveTo>
                <a:lnTo>
                  <a:pt x="10033000" y="11429"/>
                </a:lnTo>
                <a:lnTo>
                  <a:pt x="9906000" y="12191"/>
                </a:lnTo>
                <a:lnTo>
                  <a:pt x="9906000" y="37337"/>
                </a:lnTo>
                <a:lnTo>
                  <a:pt x="10033000" y="38099"/>
                </a:lnTo>
                <a:close/>
              </a:path>
              <a:path w="11557000" h="451485">
                <a:moveTo>
                  <a:pt x="10160000" y="19049"/>
                </a:moveTo>
                <a:lnTo>
                  <a:pt x="10160000" y="0"/>
                </a:lnTo>
                <a:lnTo>
                  <a:pt x="10033000" y="0"/>
                </a:lnTo>
                <a:lnTo>
                  <a:pt x="10033000" y="22097"/>
                </a:lnTo>
                <a:lnTo>
                  <a:pt x="10160000" y="19049"/>
                </a:lnTo>
                <a:close/>
              </a:path>
              <a:path w="11557000" h="451485">
                <a:moveTo>
                  <a:pt x="10287000" y="44957"/>
                </a:moveTo>
                <a:lnTo>
                  <a:pt x="10287000" y="11429"/>
                </a:lnTo>
                <a:lnTo>
                  <a:pt x="10160000" y="19811"/>
                </a:lnTo>
                <a:lnTo>
                  <a:pt x="10160000" y="47243"/>
                </a:lnTo>
                <a:lnTo>
                  <a:pt x="10287000" y="44957"/>
                </a:lnTo>
                <a:close/>
              </a:path>
              <a:path w="11557000" h="451485">
                <a:moveTo>
                  <a:pt x="10414000" y="42671"/>
                </a:moveTo>
                <a:lnTo>
                  <a:pt x="10414000" y="23621"/>
                </a:lnTo>
                <a:lnTo>
                  <a:pt x="10287000" y="25907"/>
                </a:lnTo>
                <a:lnTo>
                  <a:pt x="10287000" y="46481"/>
                </a:lnTo>
                <a:lnTo>
                  <a:pt x="10414000" y="42671"/>
                </a:lnTo>
                <a:close/>
              </a:path>
              <a:path w="11557000" h="451485">
                <a:moveTo>
                  <a:pt x="11176000" y="95249"/>
                </a:moveTo>
                <a:lnTo>
                  <a:pt x="11176000" y="0"/>
                </a:lnTo>
                <a:lnTo>
                  <a:pt x="11049000" y="0"/>
                </a:lnTo>
                <a:lnTo>
                  <a:pt x="11049000" y="108203"/>
                </a:lnTo>
                <a:lnTo>
                  <a:pt x="11176000" y="95249"/>
                </a:lnTo>
                <a:close/>
              </a:path>
              <a:path w="11557000" h="451485">
                <a:moveTo>
                  <a:pt x="11176000" y="137159"/>
                </a:moveTo>
                <a:lnTo>
                  <a:pt x="11176000" y="112013"/>
                </a:lnTo>
                <a:lnTo>
                  <a:pt x="11049000" y="108203"/>
                </a:lnTo>
                <a:lnTo>
                  <a:pt x="11049000" y="134873"/>
                </a:lnTo>
                <a:lnTo>
                  <a:pt x="11176000" y="137159"/>
                </a:lnTo>
                <a:close/>
              </a:path>
              <a:path w="11557000" h="451485">
                <a:moveTo>
                  <a:pt x="11303000" y="108203"/>
                </a:moveTo>
                <a:lnTo>
                  <a:pt x="11303000" y="54101"/>
                </a:lnTo>
                <a:lnTo>
                  <a:pt x="11176000" y="73913"/>
                </a:lnTo>
                <a:lnTo>
                  <a:pt x="11176000" y="84581"/>
                </a:lnTo>
                <a:lnTo>
                  <a:pt x="11303000" y="108203"/>
                </a:lnTo>
                <a:close/>
              </a:path>
              <a:path w="11557000" h="451485">
                <a:moveTo>
                  <a:pt x="11430000" y="108203"/>
                </a:moveTo>
                <a:lnTo>
                  <a:pt x="11430000" y="27431"/>
                </a:lnTo>
                <a:lnTo>
                  <a:pt x="11303000" y="34289"/>
                </a:lnTo>
                <a:lnTo>
                  <a:pt x="11303000" y="103631"/>
                </a:lnTo>
                <a:lnTo>
                  <a:pt x="11430000" y="108203"/>
                </a:lnTo>
                <a:close/>
              </a:path>
              <a:path w="11557000" h="451485">
                <a:moveTo>
                  <a:pt x="11557000" y="52577"/>
                </a:moveTo>
                <a:lnTo>
                  <a:pt x="11557000" y="2285"/>
                </a:lnTo>
                <a:lnTo>
                  <a:pt x="11430000" y="7619"/>
                </a:lnTo>
                <a:lnTo>
                  <a:pt x="11430000" y="54101"/>
                </a:lnTo>
                <a:lnTo>
                  <a:pt x="11557000" y="52577"/>
                </a:lnTo>
                <a:close/>
              </a:path>
            </a:pathLst>
          </a:custGeom>
          <a:solidFill>
            <a:srgbClr val="FF5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0" name="object 170"/>
          <p:cNvSpPr/>
          <p:nvPr/>
        </p:nvSpPr>
        <p:spPr>
          <a:xfrm>
            <a:off x="1541929" y="1995544"/>
            <a:ext cx="6872941" cy="279026"/>
          </a:xfrm>
          <a:custGeom>
            <a:avLst/>
            <a:gdLst/>
            <a:ahLst/>
            <a:cxnLst/>
            <a:rect l="l" t="t" r="r" b="b"/>
            <a:pathLst>
              <a:path w="11684000" h="474344">
                <a:moveTo>
                  <a:pt x="127000" y="0"/>
                </a:moveTo>
                <a:lnTo>
                  <a:pt x="0" y="0"/>
                </a:lnTo>
                <a:lnTo>
                  <a:pt x="0" y="5333"/>
                </a:lnTo>
                <a:lnTo>
                  <a:pt x="127000" y="0"/>
                </a:lnTo>
                <a:close/>
              </a:path>
              <a:path w="11684000" h="474344">
                <a:moveTo>
                  <a:pt x="254000" y="34289"/>
                </a:moveTo>
                <a:lnTo>
                  <a:pt x="254000" y="761"/>
                </a:lnTo>
                <a:lnTo>
                  <a:pt x="127000" y="0"/>
                </a:lnTo>
                <a:lnTo>
                  <a:pt x="127000" y="32003"/>
                </a:lnTo>
                <a:lnTo>
                  <a:pt x="254000" y="34289"/>
                </a:lnTo>
                <a:close/>
              </a:path>
              <a:path w="11684000" h="474344">
                <a:moveTo>
                  <a:pt x="381000" y="40385"/>
                </a:moveTo>
                <a:lnTo>
                  <a:pt x="381000" y="21335"/>
                </a:lnTo>
                <a:lnTo>
                  <a:pt x="254000" y="25145"/>
                </a:lnTo>
                <a:lnTo>
                  <a:pt x="254000" y="41909"/>
                </a:lnTo>
                <a:lnTo>
                  <a:pt x="381000" y="40385"/>
                </a:lnTo>
                <a:close/>
              </a:path>
              <a:path w="11684000" h="474344">
                <a:moveTo>
                  <a:pt x="508000" y="37946"/>
                </a:moveTo>
                <a:lnTo>
                  <a:pt x="508000" y="5333"/>
                </a:lnTo>
                <a:lnTo>
                  <a:pt x="381000" y="14477"/>
                </a:lnTo>
                <a:lnTo>
                  <a:pt x="381000" y="38106"/>
                </a:lnTo>
                <a:lnTo>
                  <a:pt x="508000" y="37946"/>
                </a:lnTo>
                <a:close/>
              </a:path>
              <a:path w="11684000" h="474344">
                <a:moveTo>
                  <a:pt x="635000" y="77723"/>
                </a:moveTo>
                <a:lnTo>
                  <a:pt x="635000" y="64607"/>
                </a:lnTo>
                <a:lnTo>
                  <a:pt x="508000" y="62283"/>
                </a:lnTo>
                <a:lnTo>
                  <a:pt x="508000" y="73151"/>
                </a:lnTo>
                <a:lnTo>
                  <a:pt x="635000" y="77723"/>
                </a:lnTo>
                <a:close/>
              </a:path>
              <a:path w="11684000" h="474344">
                <a:moveTo>
                  <a:pt x="762000" y="78485"/>
                </a:moveTo>
                <a:lnTo>
                  <a:pt x="762000" y="67055"/>
                </a:lnTo>
                <a:lnTo>
                  <a:pt x="635000" y="67661"/>
                </a:lnTo>
                <a:lnTo>
                  <a:pt x="635000" y="79247"/>
                </a:lnTo>
                <a:lnTo>
                  <a:pt x="762000" y="78485"/>
                </a:lnTo>
                <a:close/>
              </a:path>
              <a:path w="11684000" h="474344">
                <a:moveTo>
                  <a:pt x="889000" y="80771"/>
                </a:moveTo>
                <a:lnTo>
                  <a:pt x="889000" y="64809"/>
                </a:lnTo>
                <a:lnTo>
                  <a:pt x="762000" y="66085"/>
                </a:lnTo>
                <a:lnTo>
                  <a:pt x="762000" y="83057"/>
                </a:lnTo>
                <a:lnTo>
                  <a:pt x="889000" y="80771"/>
                </a:lnTo>
                <a:close/>
              </a:path>
              <a:path w="11684000" h="474344">
                <a:moveTo>
                  <a:pt x="1016000" y="93725"/>
                </a:moveTo>
                <a:lnTo>
                  <a:pt x="1016000" y="76199"/>
                </a:lnTo>
                <a:lnTo>
                  <a:pt x="889000" y="75437"/>
                </a:lnTo>
                <a:lnTo>
                  <a:pt x="889000" y="92201"/>
                </a:lnTo>
                <a:lnTo>
                  <a:pt x="1016000" y="93725"/>
                </a:lnTo>
                <a:close/>
              </a:path>
              <a:path w="11684000" h="474344">
                <a:moveTo>
                  <a:pt x="1143000" y="73929"/>
                </a:moveTo>
                <a:lnTo>
                  <a:pt x="1143000" y="61822"/>
                </a:lnTo>
                <a:lnTo>
                  <a:pt x="1016000" y="59613"/>
                </a:lnTo>
                <a:lnTo>
                  <a:pt x="1016000" y="72997"/>
                </a:lnTo>
                <a:lnTo>
                  <a:pt x="1143000" y="73929"/>
                </a:lnTo>
                <a:close/>
              </a:path>
              <a:path w="11684000" h="474344">
                <a:moveTo>
                  <a:pt x="1270000" y="100583"/>
                </a:moveTo>
                <a:lnTo>
                  <a:pt x="1270000" y="80513"/>
                </a:lnTo>
                <a:lnTo>
                  <a:pt x="1143000" y="78727"/>
                </a:lnTo>
                <a:lnTo>
                  <a:pt x="1143000" y="100583"/>
                </a:lnTo>
                <a:lnTo>
                  <a:pt x="1270000" y="100583"/>
                </a:lnTo>
                <a:close/>
              </a:path>
              <a:path w="11684000" h="474344">
                <a:moveTo>
                  <a:pt x="1397000" y="106679"/>
                </a:moveTo>
                <a:lnTo>
                  <a:pt x="1397000" y="92963"/>
                </a:lnTo>
                <a:lnTo>
                  <a:pt x="1270000" y="95249"/>
                </a:lnTo>
                <a:lnTo>
                  <a:pt x="1270000" y="108203"/>
                </a:lnTo>
                <a:lnTo>
                  <a:pt x="1397000" y="106679"/>
                </a:lnTo>
                <a:close/>
              </a:path>
              <a:path w="11684000" h="474344">
                <a:moveTo>
                  <a:pt x="1524000" y="101345"/>
                </a:moveTo>
                <a:lnTo>
                  <a:pt x="1524000" y="81533"/>
                </a:lnTo>
                <a:lnTo>
                  <a:pt x="1397000" y="83819"/>
                </a:lnTo>
                <a:lnTo>
                  <a:pt x="1397000" y="103631"/>
                </a:lnTo>
                <a:lnTo>
                  <a:pt x="1524000" y="101345"/>
                </a:lnTo>
                <a:close/>
              </a:path>
              <a:path w="11684000" h="474344">
                <a:moveTo>
                  <a:pt x="1778000" y="92201"/>
                </a:moveTo>
                <a:lnTo>
                  <a:pt x="1778000" y="48739"/>
                </a:lnTo>
                <a:lnTo>
                  <a:pt x="1651000" y="51974"/>
                </a:lnTo>
                <a:lnTo>
                  <a:pt x="1651000" y="65531"/>
                </a:lnTo>
                <a:lnTo>
                  <a:pt x="1524000" y="67055"/>
                </a:lnTo>
                <a:lnTo>
                  <a:pt x="1524000" y="94487"/>
                </a:lnTo>
                <a:lnTo>
                  <a:pt x="1651000" y="107441"/>
                </a:lnTo>
                <a:lnTo>
                  <a:pt x="1778000" y="92201"/>
                </a:lnTo>
                <a:close/>
              </a:path>
              <a:path w="11684000" h="474344">
                <a:moveTo>
                  <a:pt x="1905000" y="147065"/>
                </a:moveTo>
                <a:lnTo>
                  <a:pt x="1905000" y="0"/>
                </a:lnTo>
                <a:lnTo>
                  <a:pt x="1778000" y="0"/>
                </a:lnTo>
                <a:lnTo>
                  <a:pt x="1778000" y="140207"/>
                </a:lnTo>
                <a:lnTo>
                  <a:pt x="1905000" y="147065"/>
                </a:lnTo>
                <a:close/>
              </a:path>
              <a:path w="11684000" h="474344">
                <a:moveTo>
                  <a:pt x="2032000" y="128015"/>
                </a:moveTo>
                <a:lnTo>
                  <a:pt x="2032000" y="76961"/>
                </a:lnTo>
                <a:lnTo>
                  <a:pt x="1905000" y="80771"/>
                </a:lnTo>
                <a:lnTo>
                  <a:pt x="1905000" y="134873"/>
                </a:lnTo>
                <a:lnTo>
                  <a:pt x="2032000" y="128015"/>
                </a:lnTo>
                <a:close/>
              </a:path>
              <a:path w="11684000" h="474344">
                <a:moveTo>
                  <a:pt x="2159000" y="122681"/>
                </a:moveTo>
                <a:lnTo>
                  <a:pt x="2159000" y="35051"/>
                </a:lnTo>
                <a:lnTo>
                  <a:pt x="2032000" y="45719"/>
                </a:lnTo>
                <a:lnTo>
                  <a:pt x="2032000" y="124967"/>
                </a:lnTo>
                <a:lnTo>
                  <a:pt x="2159000" y="122681"/>
                </a:lnTo>
                <a:close/>
              </a:path>
              <a:path w="11684000" h="474344">
                <a:moveTo>
                  <a:pt x="2667000" y="66293"/>
                </a:moveTo>
                <a:lnTo>
                  <a:pt x="2667000" y="11429"/>
                </a:lnTo>
                <a:lnTo>
                  <a:pt x="2540000" y="0"/>
                </a:lnTo>
                <a:lnTo>
                  <a:pt x="2286000" y="0"/>
                </a:lnTo>
                <a:lnTo>
                  <a:pt x="2286000" y="4571"/>
                </a:lnTo>
                <a:lnTo>
                  <a:pt x="2413000" y="13715"/>
                </a:lnTo>
                <a:lnTo>
                  <a:pt x="2413000" y="40385"/>
                </a:lnTo>
                <a:lnTo>
                  <a:pt x="2540000" y="26669"/>
                </a:lnTo>
                <a:lnTo>
                  <a:pt x="2540000" y="54101"/>
                </a:lnTo>
                <a:lnTo>
                  <a:pt x="2667000" y="66293"/>
                </a:lnTo>
                <a:close/>
              </a:path>
              <a:path w="11684000" h="474344">
                <a:moveTo>
                  <a:pt x="2794000" y="47243"/>
                </a:moveTo>
                <a:lnTo>
                  <a:pt x="2794000" y="0"/>
                </a:lnTo>
                <a:lnTo>
                  <a:pt x="2667000" y="0"/>
                </a:lnTo>
                <a:lnTo>
                  <a:pt x="2667000" y="27431"/>
                </a:lnTo>
                <a:lnTo>
                  <a:pt x="2794000" y="47243"/>
                </a:lnTo>
                <a:close/>
              </a:path>
              <a:path w="11684000" h="474344">
                <a:moveTo>
                  <a:pt x="2921000" y="117347"/>
                </a:moveTo>
                <a:lnTo>
                  <a:pt x="2921000" y="59435"/>
                </a:lnTo>
                <a:lnTo>
                  <a:pt x="2794000" y="91439"/>
                </a:lnTo>
                <a:lnTo>
                  <a:pt x="2794000" y="127253"/>
                </a:lnTo>
                <a:lnTo>
                  <a:pt x="2921000" y="117347"/>
                </a:lnTo>
                <a:close/>
              </a:path>
              <a:path w="11684000" h="474344">
                <a:moveTo>
                  <a:pt x="3048000" y="118871"/>
                </a:moveTo>
                <a:lnTo>
                  <a:pt x="3048000" y="64683"/>
                </a:lnTo>
                <a:lnTo>
                  <a:pt x="2921000" y="59492"/>
                </a:lnTo>
                <a:lnTo>
                  <a:pt x="2921000" y="122681"/>
                </a:lnTo>
                <a:lnTo>
                  <a:pt x="3048000" y="118871"/>
                </a:lnTo>
                <a:close/>
              </a:path>
              <a:path w="11684000" h="474344">
                <a:moveTo>
                  <a:pt x="3429000" y="10667"/>
                </a:moveTo>
                <a:lnTo>
                  <a:pt x="3429000" y="0"/>
                </a:lnTo>
                <a:lnTo>
                  <a:pt x="3302000" y="0"/>
                </a:lnTo>
                <a:lnTo>
                  <a:pt x="3302000" y="5333"/>
                </a:lnTo>
                <a:lnTo>
                  <a:pt x="3429000" y="10667"/>
                </a:lnTo>
                <a:close/>
              </a:path>
              <a:path w="11684000" h="474344">
                <a:moveTo>
                  <a:pt x="3810000" y="48005"/>
                </a:moveTo>
                <a:lnTo>
                  <a:pt x="3810000" y="0"/>
                </a:lnTo>
                <a:lnTo>
                  <a:pt x="3556000" y="0"/>
                </a:lnTo>
                <a:lnTo>
                  <a:pt x="3683000" y="26669"/>
                </a:lnTo>
                <a:lnTo>
                  <a:pt x="3683000" y="38861"/>
                </a:lnTo>
                <a:lnTo>
                  <a:pt x="3810000" y="48005"/>
                </a:lnTo>
                <a:close/>
              </a:path>
              <a:path w="11684000" h="474344">
                <a:moveTo>
                  <a:pt x="3937000" y="62755"/>
                </a:moveTo>
                <a:lnTo>
                  <a:pt x="3937000" y="37337"/>
                </a:lnTo>
                <a:lnTo>
                  <a:pt x="3810000" y="39623"/>
                </a:lnTo>
                <a:lnTo>
                  <a:pt x="3810000" y="65382"/>
                </a:lnTo>
                <a:lnTo>
                  <a:pt x="3937000" y="62755"/>
                </a:lnTo>
                <a:close/>
              </a:path>
              <a:path w="11684000" h="474344">
                <a:moveTo>
                  <a:pt x="4064000" y="48005"/>
                </a:moveTo>
                <a:lnTo>
                  <a:pt x="4064000" y="5333"/>
                </a:lnTo>
                <a:lnTo>
                  <a:pt x="3937000" y="0"/>
                </a:lnTo>
                <a:lnTo>
                  <a:pt x="3937000" y="46481"/>
                </a:lnTo>
                <a:lnTo>
                  <a:pt x="4064000" y="48005"/>
                </a:lnTo>
                <a:close/>
              </a:path>
              <a:path w="11684000" h="474344">
                <a:moveTo>
                  <a:pt x="4191000" y="35813"/>
                </a:moveTo>
                <a:lnTo>
                  <a:pt x="4191000" y="0"/>
                </a:lnTo>
                <a:lnTo>
                  <a:pt x="4064000" y="0"/>
                </a:lnTo>
                <a:lnTo>
                  <a:pt x="4064000" y="30479"/>
                </a:lnTo>
                <a:lnTo>
                  <a:pt x="4191000" y="35813"/>
                </a:lnTo>
                <a:close/>
              </a:path>
              <a:path w="11684000" h="474344">
                <a:moveTo>
                  <a:pt x="4826000" y="32003"/>
                </a:moveTo>
                <a:lnTo>
                  <a:pt x="4826000" y="0"/>
                </a:lnTo>
                <a:lnTo>
                  <a:pt x="4445000" y="0"/>
                </a:lnTo>
                <a:lnTo>
                  <a:pt x="4445000" y="33527"/>
                </a:lnTo>
                <a:lnTo>
                  <a:pt x="4572000" y="43433"/>
                </a:lnTo>
                <a:lnTo>
                  <a:pt x="4572000" y="27431"/>
                </a:lnTo>
                <a:lnTo>
                  <a:pt x="4699000" y="19049"/>
                </a:lnTo>
                <a:lnTo>
                  <a:pt x="4699000" y="41109"/>
                </a:lnTo>
                <a:lnTo>
                  <a:pt x="4826000" y="32003"/>
                </a:lnTo>
                <a:close/>
              </a:path>
              <a:path w="11684000" h="474344">
                <a:moveTo>
                  <a:pt x="4953000" y="67817"/>
                </a:moveTo>
                <a:lnTo>
                  <a:pt x="4953000" y="13715"/>
                </a:lnTo>
                <a:lnTo>
                  <a:pt x="4826000" y="4571"/>
                </a:lnTo>
                <a:lnTo>
                  <a:pt x="4826000" y="60197"/>
                </a:lnTo>
                <a:lnTo>
                  <a:pt x="4953000" y="67817"/>
                </a:lnTo>
                <a:close/>
              </a:path>
              <a:path w="11684000" h="474344">
                <a:moveTo>
                  <a:pt x="5080000" y="80009"/>
                </a:moveTo>
                <a:lnTo>
                  <a:pt x="5080000" y="0"/>
                </a:lnTo>
                <a:lnTo>
                  <a:pt x="4953000" y="0"/>
                </a:lnTo>
                <a:lnTo>
                  <a:pt x="4953000" y="58270"/>
                </a:lnTo>
                <a:lnTo>
                  <a:pt x="5080000" y="80009"/>
                </a:lnTo>
                <a:close/>
              </a:path>
              <a:path w="11684000" h="474344">
                <a:moveTo>
                  <a:pt x="5207000" y="108203"/>
                </a:moveTo>
                <a:lnTo>
                  <a:pt x="5207000" y="57911"/>
                </a:lnTo>
                <a:lnTo>
                  <a:pt x="5080000" y="63245"/>
                </a:lnTo>
                <a:lnTo>
                  <a:pt x="5080000" y="124967"/>
                </a:lnTo>
                <a:lnTo>
                  <a:pt x="5207000" y="108203"/>
                </a:lnTo>
                <a:close/>
              </a:path>
              <a:path w="11684000" h="474344">
                <a:moveTo>
                  <a:pt x="5334000" y="83043"/>
                </a:moveTo>
                <a:lnTo>
                  <a:pt x="5334000" y="57286"/>
                </a:lnTo>
                <a:lnTo>
                  <a:pt x="5207000" y="56387"/>
                </a:lnTo>
                <a:lnTo>
                  <a:pt x="5207000" y="86867"/>
                </a:lnTo>
                <a:lnTo>
                  <a:pt x="5334000" y="83043"/>
                </a:lnTo>
                <a:close/>
              </a:path>
              <a:path w="11684000" h="474344">
                <a:moveTo>
                  <a:pt x="5461000" y="80771"/>
                </a:moveTo>
                <a:lnTo>
                  <a:pt x="5461000" y="58673"/>
                </a:lnTo>
                <a:lnTo>
                  <a:pt x="5334000" y="62483"/>
                </a:lnTo>
                <a:lnTo>
                  <a:pt x="5334000" y="83819"/>
                </a:lnTo>
                <a:lnTo>
                  <a:pt x="5461000" y="80771"/>
                </a:lnTo>
                <a:close/>
              </a:path>
              <a:path w="11684000" h="474344">
                <a:moveTo>
                  <a:pt x="5588000" y="77413"/>
                </a:moveTo>
                <a:lnTo>
                  <a:pt x="5588000" y="44957"/>
                </a:lnTo>
                <a:lnTo>
                  <a:pt x="5461000" y="50291"/>
                </a:lnTo>
                <a:lnTo>
                  <a:pt x="5461000" y="76786"/>
                </a:lnTo>
                <a:lnTo>
                  <a:pt x="5588000" y="77413"/>
                </a:lnTo>
                <a:close/>
              </a:path>
              <a:path w="11684000" h="474344">
                <a:moveTo>
                  <a:pt x="5715000" y="54431"/>
                </a:moveTo>
                <a:lnTo>
                  <a:pt x="5715000" y="3047"/>
                </a:lnTo>
                <a:lnTo>
                  <a:pt x="5588000" y="19049"/>
                </a:lnTo>
                <a:lnTo>
                  <a:pt x="5588000" y="55696"/>
                </a:lnTo>
                <a:lnTo>
                  <a:pt x="5715000" y="54431"/>
                </a:lnTo>
                <a:close/>
              </a:path>
              <a:path w="11684000" h="474344">
                <a:moveTo>
                  <a:pt x="5842000" y="50291"/>
                </a:moveTo>
                <a:lnTo>
                  <a:pt x="5842000" y="0"/>
                </a:lnTo>
                <a:lnTo>
                  <a:pt x="5715000" y="0"/>
                </a:lnTo>
                <a:lnTo>
                  <a:pt x="5715000" y="46481"/>
                </a:lnTo>
                <a:lnTo>
                  <a:pt x="5842000" y="50291"/>
                </a:lnTo>
                <a:close/>
              </a:path>
              <a:path w="11684000" h="474344">
                <a:moveTo>
                  <a:pt x="5969000" y="49529"/>
                </a:moveTo>
                <a:lnTo>
                  <a:pt x="5969000" y="19049"/>
                </a:lnTo>
                <a:lnTo>
                  <a:pt x="5842000" y="22097"/>
                </a:lnTo>
                <a:lnTo>
                  <a:pt x="5842000" y="47478"/>
                </a:lnTo>
                <a:lnTo>
                  <a:pt x="5969000" y="49529"/>
                </a:lnTo>
                <a:close/>
              </a:path>
              <a:path w="11684000" h="474344">
                <a:moveTo>
                  <a:pt x="6096000" y="67055"/>
                </a:moveTo>
                <a:lnTo>
                  <a:pt x="6096000" y="36575"/>
                </a:lnTo>
                <a:lnTo>
                  <a:pt x="5969000" y="41147"/>
                </a:lnTo>
                <a:lnTo>
                  <a:pt x="5969000" y="71627"/>
                </a:lnTo>
                <a:lnTo>
                  <a:pt x="6096000" y="67055"/>
                </a:lnTo>
                <a:close/>
              </a:path>
              <a:path w="11684000" h="474344">
                <a:moveTo>
                  <a:pt x="6223000" y="59156"/>
                </a:moveTo>
                <a:lnTo>
                  <a:pt x="6223000" y="6095"/>
                </a:lnTo>
                <a:lnTo>
                  <a:pt x="6096000" y="6857"/>
                </a:lnTo>
                <a:lnTo>
                  <a:pt x="6096000" y="57667"/>
                </a:lnTo>
                <a:lnTo>
                  <a:pt x="6223000" y="59156"/>
                </a:lnTo>
                <a:close/>
              </a:path>
              <a:path w="11684000" h="474344">
                <a:moveTo>
                  <a:pt x="6223000" y="420623"/>
                </a:moveTo>
                <a:lnTo>
                  <a:pt x="6223000" y="390143"/>
                </a:lnTo>
                <a:lnTo>
                  <a:pt x="6096000" y="390097"/>
                </a:lnTo>
                <a:lnTo>
                  <a:pt x="6096000" y="419099"/>
                </a:lnTo>
                <a:lnTo>
                  <a:pt x="6223000" y="420623"/>
                </a:lnTo>
                <a:close/>
              </a:path>
              <a:path w="11684000" h="474344">
                <a:moveTo>
                  <a:pt x="6223000" y="470153"/>
                </a:moveTo>
                <a:lnTo>
                  <a:pt x="6223000" y="440435"/>
                </a:lnTo>
                <a:lnTo>
                  <a:pt x="6096000" y="441197"/>
                </a:lnTo>
                <a:lnTo>
                  <a:pt x="6096000" y="466561"/>
                </a:lnTo>
                <a:lnTo>
                  <a:pt x="6223000" y="470153"/>
                </a:lnTo>
                <a:close/>
              </a:path>
              <a:path w="11684000" h="474344">
                <a:moveTo>
                  <a:pt x="6477000" y="54101"/>
                </a:moveTo>
                <a:lnTo>
                  <a:pt x="6477000" y="0"/>
                </a:lnTo>
                <a:lnTo>
                  <a:pt x="6350000" y="0"/>
                </a:lnTo>
                <a:lnTo>
                  <a:pt x="6223000" y="25907"/>
                </a:lnTo>
                <a:lnTo>
                  <a:pt x="6223000" y="80771"/>
                </a:lnTo>
                <a:lnTo>
                  <a:pt x="6350000" y="60197"/>
                </a:lnTo>
                <a:lnTo>
                  <a:pt x="6350000" y="80771"/>
                </a:lnTo>
                <a:lnTo>
                  <a:pt x="6477000" y="54101"/>
                </a:lnTo>
                <a:close/>
              </a:path>
              <a:path w="11684000" h="474344">
                <a:moveTo>
                  <a:pt x="6350000" y="413003"/>
                </a:moveTo>
                <a:lnTo>
                  <a:pt x="6350000" y="389988"/>
                </a:lnTo>
                <a:lnTo>
                  <a:pt x="6223000" y="391667"/>
                </a:lnTo>
                <a:lnTo>
                  <a:pt x="6223000" y="419099"/>
                </a:lnTo>
                <a:lnTo>
                  <a:pt x="6350000" y="413003"/>
                </a:lnTo>
                <a:close/>
              </a:path>
              <a:path w="11684000" h="474344">
                <a:moveTo>
                  <a:pt x="6350000" y="473963"/>
                </a:moveTo>
                <a:lnTo>
                  <a:pt x="6350000" y="451103"/>
                </a:lnTo>
                <a:lnTo>
                  <a:pt x="6223000" y="445007"/>
                </a:lnTo>
                <a:lnTo>
                  <a:pt x="6223000" y="472439"/>
                </a:lnTo>
                <a:lnTo>
                  <a:pt x="6350000" y="473963"/>
                </a:lnTo>
                <a:close/>
              </a:path>
              <a:path w="11684000" h="474344">
                <a:moveTo>
                  <a:pt x="6477000" y="461009"/>
                </a:moveTo>
                <a:lnTo>
                  <a:pt x="6477000" y="400811"/>
                </a:lnTo>
                <a:lnTo>
                  <a:pt x="6350000" y="400811"/>
                </a:lnTo>
                <a:lnTo>
                  <a:pt x="6350000" y="461771"/>
                </a:lnTo>
                <a:lnTo>
                  <a:pt x="6477000" y="461009"/>
                </a:lnTo>
                <a:close/>
              </a:path>
              <a:path w="11684000" h="474344">
                <a:moveTo>
                  <a:pt x="6604000" y="435863"/>
                </a:moveTo>
                <a:lnTo>
                  <a:pt x="6604000" y="404621"/>
                </a:lnTo>
                <a:lnTo>
                  <a:pt x="6477000" y="403097"/>
                </a:lnTo>
                <a:lnTo>
                  <a:pt x="6477000" y="454913"/>
                </a:lnTo>
                <a:lnTo>
                  <a:pt x="6604000" y="435863"/>
                </a:lnTo>
                <a:close/>
              </a:path>
              <a:path w="11684000" h="474344">
                <a:moveTo>
                  <a:pt x="6731000" y="134873"/>
                </a:moveTo>
                <a:lnTo>
                  <a:pt x="6731000" y="108203"/>
                </a:lnTo>
                <a:lnTo>
                  <a:pt x="6604000" y="93725"/>
                </a:lnTo>
                <a:lnTo>
                  <a:pt x="6604000" y="129539"/>
                </a:lnTo>
                <a:lnTo>
                  <a:pt x="6731000" y="134873"/>
                </a:lnTo>
                <a:close/>
              </a:path>
              <a:path w="11684000" h="474344">
                <a:moveTo>
                  <a:pt x="6858000" y="84581"/>
                </a:moveTo>
                <a:lnTo>
                  <a:pt x="6858000" y="65531"/>
                </a:lnTo>
                <a:lnTo>
                  <a:pt x="6731000" y="69341"/>
                </a:lnTo>
                <a:lnTo>
                  <a:pt x="6731000" y="91439"/>
                </a:lnTo>
                <a:lnTo>
                  <a:pt x="6858000" y="84581"/>
                </a:lnTo>
                <a:close/>
              </a:path>
              <a:path w="11684000" h="474344">
                <a:moveTo>
                  <a:pt x="6985000" y="80771"/>
                </a:moveTo>
                <a:lnTo>
                  <a:pt x="6985000" y="61461"/>
                </a:lnTo>
                <a:lnTo>
                  <a:pt x="6858000" y="67055"/>
                </a:lnTo>
                <a:lnTo>
                  <a:pt x="6858000" y="87629"/>
                </a:lnTo>
                <a:lnTo>
                  <a:pt x="6985000" y="80771"/>
                </a:lnTo>
                <a:close/>
              </a:path>
              <a:path w="11684000" h="474344">
                <a:moveTo>
                  <a:pt x="7112000" y="99059"/>
                </a:moveTo>
                <a:lnTo>
                  <a:pt x="7112000" y="53469"/>
                </a:lnTo>
                <a:lnTo>
                  <a:pt x="6985000" y="54324"/>
                </a:lnTo>
                <a:lnTo>
                  <a:pt x="6985000" y="89915"/>
                </a:lnTo>
                <a:lnTo>
                  <a:pt x="7112000" y="99059"/>
                </a:lnTo>
                <a:close/>
              </a:path>
              <a:path w="11684000" h="474344">
                <a:moveTo>
                  <a:pt x="7239000" y="66293"/>
                </a:moveTo>
                <a:lnTo>
                  <a:pt x="7239000" y="44195"/>
                </a:lnTo>
                <a:lnTo>
                  <a:pt x="7112000" y="44195"/>
                </a:lnTo>
                <a:lnTo>
                  <a:pt x="7112000" y="66293"/>
                </a:lnTo>
                <a:lnTo>
                  <a:pt x="7239000" y="66293"/>
                </a:lnTo>
                <a:close/>
              </a:path>
              <a:path w="11684000" h="474344">
                <a:moveTo>
                  <a:pt x="7366000" y="97535"/>
                </a:moveTo>
                <a:lnTo>
                  <a:pt x="7366000" y="71627"/>
                </a:lnTo>
                <a:lnTo>
                  <a:pt x="7239000" y="67817"/>
                </a:lnTo>
                <a:lnTo>
                  <a:pt x="7239000" y="91439"/>
                </a:lnTo>
                <a:lnTo>
                  <a:pt x="7366000" y="97535"/>
                </a:lnTo>
                <a:close/>
              </a:path>
              <a:path w="11684000" h="474344">
                <a:moveTo>
                  <a:pt x="7493000" y="91743"/>
                </a:moveTo>
                <a:lnTo>
                  <a:pt x="7493000" y="71627"/>
                </a:lnTo>
                <a:lnTo>
                  <a:pt x="7366000" y="73151"/>
                </a:lnTo>
                <a:lnTo>
                  <a:pt x="7366000" y="93725"/>
                </a:lnTo>
                <a:lnTo>
                  <a:pt x="7493000" y="91743"/>
                </a:lnTo>
                <a:close/>
              </a:path>
              <a:path w="11684000" h="474344">
                <a:moveTo>
                  <a:pt x="7620000" y="110489"/>
                </a:moveTo>
                <a:lnTo>
                  <a:pt x="7620000" y="86867"/>
                </a:lnTo>
                <a:lnTo>
                  <a:pt x="7493000" y="85170"/>
                </a:lnTo>
                <a:lnTo>
                  <a:pt x="7493000" y="108965"/>
                </a:lnTo>
                <a:lnTo>
                  <a:pt x="7620000" y="110489"/>
                </a:lnTo>
                <a:close/>
              </a:path>
              <a:path w="11684000" h="474344">
                <a:moveTo>
                  <a:pt x="7747000" y="122681"/>
                </a:moveTo>
                <a:lnTo>
                  <a:pt x="7747000" y="80009"/>
                </a:lnTo>
                <a:lnTo>
                  <a:pt x="7620000" y="74675"/>
                </a:lnTo>
                <a:lnTo>
                  <a:pt x="7620000" y="108203"/>
                </a:lnTo>
                <a:lnTo>
                  <a:pt x="7747000" y="122681"/>
                </a:lnTo>
                <a:close/>
              </a:path>
              <a:path w="11684000" h="474344">
                <a:moveTo>
                  <a:pt x="7874000" y="95249"/>
                </a:moveTo>
                <a:lnTo>
                  <a:pt x="7874000" y="62483"/>
                </a:lnTo>
                <a:lnTo>
                  <a:pt x="7747000" y="54101"/>
                </a:lnTo>
                <a:lnTo>
                  <a:pt x="7747000" y="80771"/>
                </a:lnTo>
                <a:lnTo>
                  <a:pt x="7874000" y="95249"/>
                </a:lnTo>
                <a:close/>
              </a:path>
              <a:path w="11684000" h="474344">
                <a:moveTo>
                  <a:pt x="8001000" y="69341"/>
                </a:moveTo>
                <a:lnTo>
                  <a:pt x="8001000" y="51053"/>
                </a:lnTo>
                <a:lnTo>
                  <a:pt x="7874000" y="54101"/>
                </a:lnTo>
                <a:lnTo>
                  <a:pt x="7874000" y="74675"/>
                </a:lnTo>
                <a:lnTo>
                  <a:pt x="8001000" y="69341"/>
                </a:lnTo>
                <a:close/>
              </a:path>
              <a:path w="11684000" h="474344">
                <a:moveTo>
                  <a:pt x="8128000" y="69341"/>
                </a:moveTo>
                <a:lnTo>
                  <a:pt x="8128000" y="44195"/>
                </a:lnTo>
                <a:lnTo>
                  <a:pt x="8001000" y="46481"/>
                </a:lnTo>
                <a:lnTo>
                  <a:pt x="8001000" y="67817"/>
                </a:lnTo>
                <a:lnTo>
                  <a:pt x="8128000" y="69341"/>
                </a:lnTo>
                <a:close/>
              </a:path>
              <a:path w="11684000" h="474344">
                <a:moveTo>
                  <a:pt x="8255000" y="48767"/>
                </a:moveTo>
                <a:lnTo>
                  <a:pt x="8255000" y="18287"/>
                </a:lnTo>
                <a:lnTo>
                  <a:pt x="8128000" y="19811"/>
                </a:lnTo>
                <a:lnTo>
                  <a:pt x="8128000" y="53962"/>
                </a:lnTo>
                <a:lnTo>
                  <a:pt x="8255000" y="48767"/>
                </a:lnTo>
                <a:close/>
              </a:path>
              <a:path w="11684000" h="474344">
                <a:moveTo>
                  <a:pt x="8382000" y="61687"/>
                </a:moveTo>
                <a:lnTo>
                  <a:pt x="8382000" y="38861"/>
                </a:lnTo>
                <a:lnTo>
                  <a:pt x="8255000" y="41147"/>
                </a:lnTo>
                <a:lnTo>
                  <a:pt x="8255000" y="65276"/>
                </a:lnTo>
                <a:lnTo>
                  <a:pt x="8382000" y="61687"/>
                </a:lnTo>
                <a:close/>
              </a:path>
              <a:path w="11684000" h="474344">
                <a:moveTo>
                  <a:pt x="9144000" y="20573"/>
                </a:moveTo>
                <a:lnTo>
                  <a:pt x="9144000" y="0"/>
                </a:lnTo>
                <a:lnTo>
                  <a:pt x="9017000" y="0"/>
                </a:lnTo>
                <a:lnTo>
                  <a:pt x="9017000" y="2285"/>
                </a:lnTo>
                <a:lnTo>
                  <a:pt x="9144000" y="20573"/>
                </a:lnTo>
                <a:close/>
              </a:path>
              <a:path w="11684000" h="474344">
                <a:moveTo>
                  <a:pt x="9652000" y="44957"/>
                </a:moveTo>
                <a:lnTo>
                  <a:pt x="9652000" y="0"/>
                </a:lnTo>
                <a:lnTo>
                  <a:pt x="9271000" y="0"/>
                </a:lnTo>
                <a:lnTo>
                  <a:pt x="9271000" y="18287"/>
                </a:lnTo>
                <a:lnTo>
                  <a:pt x="9398000" y="26669"/>
                </a:lnTo>
                <a:lnTo>
                  <a:pt x="9398000" y="38861"/>
                </a:lnTo>
                <a:lnTo>
                  <a:pt x="9525000" y="34289"/>
                </a:lnTo>
                <a:lnTo>
                  <a:pt x="9525000" y="51053"/>
                </a:lnTo>
                <a:lnTo>
                  <a:pt x="9652000" y="44957"/>
                </a:lnTo>
                <a:close/>
              </a:path>
              <a:path w="11684000" h="474344">
                <a:moveTo>
                  <a:pt x="9779000" y="67055"/>
                </a:moveTo>
                <a:lnTo>
                  <a:pt x="9779000" y="36575"/>
                </a:lnTo>
                <a:lnTo>
                  <a:pt x="9652000" y="29717"/>
                </a:lnTo>
                <a:lnTo>
                  <a:pt x="9652000" y="66293"/>
                </a:lnTo>
                <a:lnTo>
                  <a:pt x="9779000" y="67055"/>
                </a:lnTo>
                <a:close/>
              </a:path>
              <a:path w="11684000" h="474344">
                <a:moveTo>
                  <a:pt x="9906000" y="94487"/>
                </a:moveTo>
                <a:lnTo>
                  <a:pt x="9906000" y="51815"/>
                </a:lnTo>
                <a:lnTo>
                  <a:pt x="9779000" y="54101"/>
                </a:lnTo>
                <a:lnTo>
                  <a:pt x="9779000" y="102869"/>
                </a:lnTo>
                <a:lnTo>
                  <a:pt x="9906000" y="94487"/>
                </a:lnTo>
                <a:close/>
              </a:path>
              <a:path w="11684000" h="474344">
                <a:moveTo>
                  <a:pt x="10033000" y="59069"/>
                </a:moveTo>
                <a:lnTo>
                  <a:pt x="10033000" y="0"/>
                </a:lnTo>
                <a:lnTo>
                  <a:pt x="9906000" y="0"/>
                </a:lnTo>
                <a:lnTo>
                  <a:pt x="9906000" y="62829"/>
                </a:lnTo>
                <a:lnTo>
                  <a:pt x="10033000" y="59069"/>
                </a:lnTo>
                <a:close/>
              </a:path>
              <a:path w="11684000" h="474344">
                <a:moveTo>
                  <a:pt x="10160000" y="75437"/>
                </a:moveTo>
                <a:lnTo>
                  <a:pt x="10160000" y="38099"/>
                </a:lnTo>
                <a:lnTo>
                  <a:pt x="10033000" y="37337"/>
                </a:lnTo>
                <a:lnTo>
                  <a:pt x="10033000" y="71627"/>
                </a:lnTo>
                <a:lnTo>
                  <a:pt x="10160000" y="75437"/>
                </a:lnTo>
                <a:close/>
              </a:path>
              <a:path w="11684000" h="474344">
                <a:moveTo>
                  <a:pt x="10287000" y="80771"/>
                </a:moveTo>
                <a:lnTo>
                  <a:pt x="10287000" y="19049"/>
                </a:lnTo>
                <a:lnTo>
                  <a:pt x="10160000" y="22097"/>
                </a:lnTo>
                <a:lnTo>
                  <a:pt x="10160000" y="67817"/>
                </a:lnTo>
                <a:lnTo>
                  <a:pt x="10287000" y="80771"/>
                </a:lnTo>
                <a:close/>
              </a:path>
              <a:path w="11684000" h="474344">
                <a:moveTo>
                  <a:pt x="10414000" y="80771"/>
                </a:moveTo>
                <a:lnTo>
                  <a:pt x="10414000" y="44957"/>
                </a:lnTo>
                <a:lnTo>
                  <a:pt x="10287000" y="47243"/>
                </a:lnTo>
                <a:lnTo>
                  <a:pt x="10287000" y="78485"/>
                </a:lnTo>
                <a:lnTo>
                  <a:pt x="10414000" y="80771"/>
                </a:lnTo>
                <a:close/>
              </a:path>
              <a:path w="11684000" h="474344">
                <a:moveTo>
                  <a:pt x="10541000" y="74805"/>
                </a:moveTo>
                <a:lnTo>
                  <a:pt x="10541000" y="42671"/>
                </a:lnTo>
                <a:lnTo>
                  <a:pt x="10414000" y="46481"/>
                </a:lnTo>
                <a:lnTo>
                  <a:pt x="10414000" y="76411"/>
                </a:lnTo>
                <a:lnTo>
                  <a:pt x="10541000" y="74805"/>
                </a:lnTo>
                <a:close/>
              </a:path>
              <a:path w="11684000" h="474344">
                <a:moveTo>
                  <a:pt x="11049000" y="116585"/>
                </a:moveTo>
                <a:lnTo>
                  <a:pt x="11049000" y="99059"/>
                </a:lnTo>
                <a:lnTo>
                  <a:pt x="10922000" y="108203"/>
                </a:lnTo>
                <a:lnTo>
                  <a:pt x="11049000" y="116585"/>
                </a:lnTo>
                <a:close/>
              </a:path>
              <a:path w="11684000" h="474344">
                <a:moveTo>
                  <a:pt x="11303000" y="160019"/>
                </a:moveTo>
                <a:lnTo>
                  <a:pt x="11303000" y="137159"/>
                </a:lnTo>
                <a:lnTo>
                  <a:pt x="11176000" y="134873"/>
                </a:lnTo>
                <a:lnTo>
                  <a:pt x="11176000" y="156209"/>
                </a:lnTo>
                <a:lnTo>
                  <a:pt x="11303000" y="160019"/>
                </a:lnTo>
                <a:close/>
              </a:path>
              <a:path w="11684000" h="474344">
                <a:moveTo>
                  <a:pt x="11430000" y="54101"/>
                </a:moveTo>
                <a:lnTo>
                  <a:pt x="11430000" y="0"/>
                </a:lnTo>
                <a:lnTo>
                  <a:pt x="11303000" y="0"/>
                </a:lnTo>
                <a:lnTo>
                  <a:pt x="11303000" y="73913"/>
                </a:lnTo>
                <a:lnTo>
                  <a:pt x="11430000" y="54101"/>
                </a:lnTo>
                <a:close/>
              </a:path>
              <a:path w="11684000" h="474344">
                <a:moveTo>
                  <a:pt x="11430000" y="152399"/>
                </a:moveTo>
                <a:lnTo>
                  <a:pt x="11430000" y="108203"/>
                </a:lnTo>
                <a:lnTo>
                  <a:pt x="11303000" y="84581"/>
                </a:lnTo>
                <a:lnTo>
                  <a:pt x="11303000" y="147827"/>
                </a:lnTo>
                <a:lnTo>
                  <a:pt x="11430000" y="152399"/>
                </a:lnTo>
                <a:close/>
              </a:path>
              <a:path w="11684000" h="474344">
                <a:moveTo>
                  <a:pt x="11557000" y="138656"/>
                </a:moveTo>
                <a:lnTo>
                  <a:pt x="11557000" y="108203"/>
                </a:lnTo>
                <a:lnTo>
                  <a:pt x="11430000" y="103631"/>
                </a:lnTo>
                <a:lnTo>
                  <a:pt x="11430000" y="140802"/>
                </a:lnTo>
                <a:lnTo>
                  <a:pt x="11557000" y="138656"/>
                </a:lnTo>
                <a:close/>
              </a:path>
              <a:path w="11684000" h="474344">
                <a:moveTo>
                  <a:pt x="11684000" y="111251"/>
                </a:moveTo>
                <a:lnTo>
                  <a:pt x="11684000" y="52577"/>
                </a:lnTo>
                <a:lnTo>
                  <a:pt x="11557000" y="54101"/>
                </a:lnTo>
                <a:lnTo>
                  <a:pt x="11557000" y="108203"/>
                </a:lnTo>
                <a:lnTo>
                  <a:pt x="11684000" y="111251"/>
                </a:lnTo>
                <a:close/>
              </a:path>
            </a:pathLst>
          </a:custGeom>
          <a:solidFill>
            <a:srgbClr val="FF7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1" name="object 171"/>
          <p:cNvSpPr/>
          <p:nvPr/>
        </p:nvSpPr>
        <p:spPr>
          <a:xfrm>
            <a:off x="1541929" y="1995543"/>
            <a:ext cx="6947647" cy="290606"/>
          </a:xfrm>
          <a:custGeom>
            <a:avLst/>
            <a:gdLst/>
            <a:ahLst/>
            <a:cxnLst/>
            <a:rect l="l" t="t" r="r" b="b"/>
            <a:pathLst>
              <a:path w="11811000" h="494030">
                <a:moveTo>
                  <a:pt x="127000" y="38766"/>
                </a:moveTo>
                <a:lnTo>
                  <a:pt x="127000" y="0"/>
                </a:lnTo>
                <a:lnTo>
                  <a:pt x="0" y="5333"/>
                </a:lnTo>
                <a:lnTo>
                  <a:pt x="0" y="33719"/>
                </a:lnTo>
                <a:lnTo>
                  <a:pt x="127000" y="38766"/>
                </a:lnTo>
                <a:close/>
              </a:path>
              <a:path w="11811000" h="494030">
                <a:moveTo>
                  <a:pt x="254000" y="57149"/>
                </a:moveTo>
                <a:lnTo>
                  <a:pt x="254000" y="34289"/>
                </a:lnTo>
                <a:lnTo>
                  <a:pt x="127000" y="32003"/>
                </a:lnTo>
                <a:lnTo>
                  <a:pt x="127000" y="56918"/>
                </a:lnTo>
                <a:lnTo>
                  <a:pt x="254000" y="57149"/>
                </a:lnTo>
                <a:close/>
              </a:path>
              <a:path w="11811000" h="494030">
                <a:moveTo>
                  <a:pt x="381000" y="57622"/>
                </a:moveTo>
                <a:lnTo>
                  <a:pt x="381000" y="40385"/>
                </a:lnTo>
                <a:lnTo>
                  <a:pt x="254000" y="41909"/>
                </a:lnTo>
                <a:lnTo>
                  <a:pt x="254000" y="57802"/>
                </a:lnTo>
                <a:lnTo>
                  <a:pt x="381000" y="57622"/>
                </a:lnTo>
                <a:close/>
              </a:path>
              <a:path w="11811000" h="494030">
                <a:moveTo>
                  <a:pt x="508000" y="61721"/>
                </a:moveTo>
                <a:lnTo>
                  <a:pt x="508000" y="37946"/>
                </a:lnTo>
                <a:lnTo>
                  <a:pt x="381000" y="38106"/>
                </a:lnTo>
                <a:lnTo>
                  <a:pt x="381000" y="60197"/>
                </a:lnTo>
                <a:lnTo>
                  <a:pt x="508000" y="61721"/>
                </a:lnTo>
                <a:close/>
              </a:path>
              <a:path w="11811000" h="494030">
                <a:moveTo>
                  <a:pt x="635000" y="86867"/>
                </a:moveTo>
                <a:lnTo>
                  <a:pt x="635000" y="77723"/>
                </a:lnTo>
                <a:lnTo>
                  <a:pt x="508000" y="73151"/>
                </a:lnTo>
                <a:lnTo>
                  <a:pt x="508000" y="84581"/>
                </a:lnTo>
                <a:lnTo>
                  <a:pt x="635000" y="86867"/>
                </a:lnTo>
                <a:close/>
              </a:path>
              <a:path w="11811000" h="494030">
                <a:moveTo>
                  <a:pt x="762000" y="92201"/>
                </a:moveTo>
                <a:lnTo>
                  <a:pt x="762000" y="78485"/>
                </a:lnTo>
                <a:lnTo>
                  <a:pt x="635000" y="79247"/>
                </a:lnTo>
                <a:lnTo>
                  <a:pt x="635000" y="92963"/>
                </a:lnTo>
                <a:lnTo>
                  <a:pt x="762000" y="92201"/>
                </a:lnTo>
                <a:close/>
              </a:path>
              <a:path w="11811000" h="494030">
                <a:moveTo>
                  <a:pt x="889000" y="99821"/>
                </a:moveTo>
                <a:lnTo>
                  <a:pt x="889000" y="80771"/>
                </a:lnTo>
                <a:lnTo>
                  <a:pt x="762000" y="83057"/>
                </a:lnTo>
                <a:lnTo>
                  <a:pt x="762000" y="105155"/>
                </a:lnTo>
                <a:lnTo>
                  <a:pt x="889000" y="99821"/>
                </a:lnTo>
                <a:close/>
              </a:path>
              <a:path w="11811000" h="494030">
                <a:moveTo>
                  <a:pt x="1016000" y="125729"/>
                </a:moveTo>
                <a:lnTo>
                  <a:pt x="1016000" y="93725"/>
                </a:lnTo>
                <a:lnTo>
                  <a:pt x="889000" y="92201"/>
                </a:lnTo>
                <a:lnTo>
                  <a:pt x="889000" y="117347"/>
                </a:lnTo>
                <a:lnTo>
                  <a:pt x="1016000" y="125729"/>
                </a:lnTo>
                <a:close/>
              </a:path>
              <a:path w="11811000" h="494030">
                <a:moveTo>
                  <a:pt x="1143000" y="89915"/>
                </a:moveTo>
                <a:lnTo>
                  <a:pt x="1143000" y="73929"/>
                </a:lnTo>
                <a:lnTo>
                  <a:pt x="1016000" y="72997"/>
                </a:lnTo>
                <a:lnTo>
                  <a:pt x="1016000" y="87629"/>
                </a:lnTo>
                <a:lnTo>
                  <a:pt x="1143000" y="89915"/>
                </a:lnTo>
                <a:close/>
              </a:path>
              <a:path w="11811000" h="494030">
                <a:moveTo>
                  <a:pt x="1270000" y="236981"/>
                </a:moveTo>
                <a:lnTo>
                  <a:pt x="1270000" y="100583"/>
                </a:lnTo>
                <a:lnTo>
                  <a:pt x="1143000" y="100583"/>
                </a:lnTo>
                <a:lnTo>
                  <a:pt x="1143000" y="205432"/>
                </a:lnTo>
                <a:lnTo>
                  <a:pt x="1270000" y="236981"/>
                </a:lnTo>
                <a:close/>
              </a:path>
              <a:path w="11811000" h="494030">
                <a:moveTo>
                  <a:pt x="1397000" y="149351"/>
                </a:moveTo>
                <a:lnTo>
                  <a:pt x="1397000" y="106679"/>
                </a:lnTo>
                <a:lnTo>
                  <a:pt x="1270000" y="108203"/>
                </a:lnTo>
                <a:lnTo>
                  <a:pt x="1270000" y="152399"/>
                </a:lnTo>
                <a:lnTo>
                  <a:pt x="1397000" y="149351"/>
                </a:lnTo>
                <a:close/>
              </a:path>
              <a:path w="11811000" h="494030">
                <a:moveTo>
                  <a:pt x="1778000" y="141350"/>
                </a:moveTo>
                <a:lnTo>
                  <a:pt x="1778000" y="92201"/>
                </a:lnTo>
                <a:lnTo>
                  <a:pt x="1651000" y="107441"/>
                </a:lnTo>
                <a:lnTo>
                  <a:pt x="1524000" y="94487"/>
                </a:lnTo>
                <a:lnTo>
                  <a:pt x="1524000" y="101345"/>
                </a:lnTo>
                <a:lnTo>
                  <a:pt x="1397000" y="103631"/>
                </a:lnTo>
                <a:lnTo>
                  <a:pt x="1397000" y="142493"/>
                </a:lnTo>
                <a:lnTo>
                  <a:pt x="1524000" y="140969"/>
                </a:lnTo>
                <a:lnTo>
                  <a:pt x="1651000" y="140969"/>
                </a:lnTo>
                <a:lnTo>
                  <a:pt x="1651000" y="140182"/>
                </a:lnTo>
                <a:lnTo>
                  <a:pt x="1778000" y="141350"/>
                </a:lnTo>
                <a:close/>
              </a:path>
              <a:path w="11811000" h="494030">
                <a:moveTo>
                  <a:pt x="1905000" y="201167"/>
                </a:moveTo>
                <a:lnTo>
                  <a:pt x="1905000" y="147065"/>
                </a:lnTo>
                <a:lnTo>
                  <a:pt x="1778000" y="140207"/>
                </a:lnTo>
                <a:lnTo>
                  <a:pt x="1778000" y="216407"/>
                </a:lnTo>
                <a:lnTo>
                  <a:pt x="1905000" y="201167"/>
                </a:lnTo>
                <a:close/>
              </a:path>
              <a:path w="11811000" h="494030">
                <a:moveTo>
                  <a:pt x="2032000" y="164591"/>
                </a:moveTo>
                <a:lnTo>
                  <a:pt x="2032000" y="128015"/>
                </a:lnTo>
                <a:lnTo>
                  <a:pt x="1905000" y="134873"/>
                </a:lnTo>
                <a:lnTo>
                  <a:pt x="1905000" y="170687"/>
                </a:lnTo>
                <a:lnTo>
                  <a:pt x="2032000" y="164591"/>
                </a:lnTo>
                <a:close/>
              </a:path>
              <a:path w="11811000" h="494030">
                <a:moveTo>
                  <a:pt x="2159000" y="154685"/>
                </a:moveTo>
                <a:lnTo>
                  <a:pt x="2159000" y="122681"/>
                </a:lnTo>
                <a:lnTo>
                  <a:pt x="2032000" y="124967"/>
                </a:lnTo>
                <a:lnTo>
                  <a:pt x="2032000" y="155447"/>
                </a:lnTo>
                <a:lnTo>
                  <a:pt x="2159000" y="154685"/>
                </a:lnTo>
                <a:close/>
              </a:path>
              <a:path w="11811000" h="494030">
                <a:moveTo>
                  <a:pt x="2413000" y="56387"/>
                </a:moveTo>
                <a:lnTo>
                  <a:pt x="2413000" y="13715"/>
                </a:lnTo>
                <a:lnTo>
                  <a:pt x="2286000" y="4571"/>
                </a:lnTo>
                <a:lnTo>
                  <a:pt x="2286000" y="57149"/>
                </a:lnTo>
                <a:lnTo>
                  <a:pt x="2413000" y="56387"/>
                </a:lnTo>
                <a:close/>
              </a:path>
              <a:path w="11811000" h="494030">
                <a:moveTo>
                  <a:pt x="2540000" y="60197"/>
                </a:moveTo>
                <a:lnTo>
                  <a:pt x="2540000" y="26669"/>
                </a:lnTo>
                <a:lnTo>
                  <a:pt x="2413000" y="40385"/>
                </a:lnTo>
                <a:lnTo>
                  <a:pt x="2413000" y="80771"/>
                </a:lnTo>
                <a:lnTo>
                  <a:pt x="2540000" y="60197"/>
                </a:lnTo>
                <a:close/>
              </a:path>
              <a:path w="11811000" h="494030">
                <a:moveTo>
                  <a:pt x="2667000" y="118871"/>
                </a:moveTo>
                <a:lnTo>
                  <a:pt x="2667000" y="66293"/>
                </a:lnTo>
                <a:lnTo>
                  <a:pt x="2540000" y="54101"/>
                </a:lnTo>
                <a:lnTo>
                  <a:pt x="2540000" y="108203"/>
                </a:lnTo>
                <a:lnTo>
                  <a:pt x="2667000" y="118871"/>
                </a:lnTo>
                <a:close/>
              </a:path>
              <a:path w="11811000" h="494030">
                <a:moveTo>
                  <a:pt x="2794000" y="109727"/>
                </a:moveTo>
                <a:lnTo>
                  <a:pt x="2794000" y="47243"/>
                </a:lnTo>
                <a:lnTo>
                  <a:pt x="2667000" y="27431"/>
                </a:lnTo>
                <a:lnTo>
                  <a:pt x="2667000" y="110489"/>
                </a:lnTo>
                <a:lnTo>
                  <a:pt x="2794000" y="109727"/>
                </a:lnTo>
                <a:close/>
              </a:path>
              <a:path w="11811000" h="494030">
                <a:moveTo>
                  <a:pt x="2921000" y="141731"/>
                </a:moveTo>
                <a:lnTo>
                  <a:pt x="2921000" y="117347"/>
                </a:lnTo>
                <a:lnTo>
                  <a:pt x="2794000" y="127253"/>
                </a:lnTo>
                <a:lnTo>
                  <a:pt x="2794000" y="144779"/>
                </a:lnTo>
                <a:lnTo>
                  <a:pt x="2921000" y="141731"/>
                </a:lnTo>
                <a:close/>
              </a:path>
              <a:path w="11811000" h="494030">
                <a:moveTo>
                  <a:pt x="3048000" y="64683"/>
                </a:moveTo>
                <a:lnTo>
                  <a:pt x="3048000" y="27431"/>
                </a:lnTo>
                <a:lnTo>
                  <a:pt x="2921000" y="5333"/>
                </a:lnTo>
                <a:lnTo>
                  <a:pt x="2921000" y="59492"/>
                </a:lnTo>
                <a:lnTo>
                  <a:pt x="3048000" y="64683"/>
                </a:lnTo>
                <a:close/>
              </a:path>
              <a:path w="11811000" h="494030">
                <a:moveTo>
                  <a:pt x="3048000" y="139445"/>
                </a:moveTo>
                <a:lnTo>
                  <a:pt x="3048000" y="118871"/>
                </a:lnTo>
                <a:lnTo>
                  <a:pt x="2921000" y="122681"/>
                </a:lnTo>
                <a:lnTo>
                  <a:pt x="2921000" y="142493"/>
                </a:lnTo>
                <a:lnTo>
                  <a:pt x="3048000" y="139445"/>
                </a:lnTo>
                <a:close/>
              </a:path>
              <a:path w="11811000" h="494030">
                <a:moveTo>
                  <a:pt x="3429000" y="40385"/>
                </a:moveTo>
                <a:lnTo>
                  <a:pt x="3429000" y="10667"/>
                </a:lnTo>
                <a:lnTo>
                  <a:pt x="3302000" y="5333"/>
                </a:lnTo>
                <a:lnTo>
                  <a:pt x="3302000" y="43433"/>
                </a:lnTo>
                <a:lnTo>
                  <a:pt x="3429000" y="40385"/>
                </a:lnTo>
                <a:close/>
              </a:path>
              <a:path w="11811000" h="494030">
                <a:moveTo>
                  <a:pt x="3683000" y="62483"/>
                </a:moveTo>
                <a:lnTo>
                  <a:pt x="3683000" y="26669"/>
                </a:lnTo>
                <a:lnTo>
                  <a:pt x="3556000" y="0"/>
                </a:lnTo>
                <a:lnTo>
                  <a:pt x="3429000" y="0"/>
                </a:lnTo>
                <a:lnTo>
                  <a:pt x="3429000" y="27431"/>
                </a:lnTo>
                <a:lnTo>
                  <a:pt x="3556000" y="44195"/>
                </a:lnTo>
                <a:lnTo>
                  <a:pt x="3556000" y="58673"/>
                </a:lnTo>
                <a:lnTo>
                  <a:pt x="3683000" y="62483"/>
                </a:lnTo>
                <a:close/>
              </a:path>
              <a:path w="11811000" h="494030">
                <a:moveTo>
                  <a:pt x="3810000" y="86867"/>
                </a:moveTo>
                <a:lnTo>
                  <a:pt x="3810000" y="48005"/>
                </a:lnTo>
                <a:lnTo>
                  <a:pt x="3683000" y="38861"/>
                </a:lnTo>
                <a:lnTo>
                  <a:pt x="3683000" y="93725"/>
                </a:lnTo>
                <a:lnTo>
                  <a:pt x="3810000" y="86867"/>
                </a:lnTo>
                <a:close/>
              </a:path>
              <a:path w="11811000" h="494030">
                <a:moveTo>
                  <a:pt x="3937000" y="86105"/>
                </a:moveTo>
                <a:lnTo>
                  <a:pt x="3937000" y="62755"/>
                </a:lnTo>
                <a:lnTo>
                  <a:pt x="3810000" y="65382"/>
                </a:lnTo>
                <a:lnTo>
                  <a:pt x="3810000" y="93725"/>
                </a:lnTo>
                <a:lnTo>
                  <a:pt x="3937000" y="86105"/>
                </a:lnTo>
                <a:close/>
              </a:path>
              <a:path w="11811000" h="494030">
                <a:moveTo>
                  <a:pt x="4064000" y="85343"/>
                </a:moveTo>
                <a:lnTo>
                  <a:pt x="4064000" y="48005"/>
                </a:lnTo>
                <a:lnTo>
                  <a:pt x="3937000" y="46481"/>
                </a:lnTo>
                <a:lnTo>
                  <a:pt x="3937000" y="81533"/>
                </a:lnTo>
                <a:lnTo>
                  <a:pt x="4064000" y="85343"/>
                </a:lnTo>
                <a:close/>
              </a:path>
              <a:path w="11811000" h="494030">
                <a:moveTo>
                  <a:pt x="4191000" y="76199"/>
                </a:moveTo>
                <a:lnTo>
                  <a:pt x="4191000" y="35813"/>
                </a:lnTo>
                <a:lnTo>
                  <a:pt x="4064000" y="30479"/>
                </a:lnTo>
                <a:lnTo>
                  <a:pt x="4064000" y="78485"/>
                </a:lnTo>
                <a:lnTo>
                  <a:pt x="4191000" y="76199"/>
                </a:lnTo>
                <a:close/>
              </a:path>
              <a:path w="11811000" h="494030">
                <a:moveTo>
                  <a:pt x="4572000" y="128015"/>
                </a:moveTo>
                <a:lnTo>
                  <a:pt x="4572000" y="43433"/>
                </a:lnTo>
                <a:lnTo>
                  <a:pt x="4445000" y="33527"/>
                </a:lnTo>
                <a:lnTo>
                  <a:pt x="4445000" y="115625"/>
                </a:lnTo>
                <a:lnTo>
                  <a:pt x="4572000" y="128015"/>
                </a:lnTo>
                <a:close/>
              </a:path>
              <a:path w="11811000" h="494030">
                <a:moveTo>
                  <a:pt x="4699000" y="69244"/>
                </a:moveTo>
                <a:lnTo>
                  <a:pt x="4699000" y="19049"/>
                </a:lnTo>
                <a:lnTo>
                  <a:pt x="4572000" y="27431"/>
                </a:lnTo>
                <a:lnTo>
                  <a:pt x="4572000" y="69402"/>
                </a:lnTo>
                <a:lnTo>
                  <a:pt x="4699000" y="69244"/>
                </a:lnTo>
                <a:close/>
              </a:path>
              <a:path w="11811000" h="494030">
                <a:moveTo>
                  <a:pt x="4826000" y="64769"/>
                </a:moveTo>
                <a:lnTo>
                  <a:pt x="4826000" y="32003"/>
                </a:lnTo>
                <a:lnTo>
                  <a:pt x="4699000" y="41109"/>
                </a:lnTo>
                <a:lnTo>
                  <a:pt x="4699000" y="66293"/>
                </a:lnTo>
                <a:lnTo>
                  <a:pt x="4826000" y="64769"/>
                </a:lnTo>
                <a:close/>
              </a:path>
              <a:path w="11811000" h="494030">
                <a:moveTo>
                  <a:pt x="4953000" y="134873"/>
                </a:moveTo>
                <a:lnTo>
                  <a:pt x="4953000" y="67817"/>
                </a:lnTo>
                <a:lnTo>
                  <a:pt x="4826000" y="60197"/>
                </a:lnTo>
                <a:lnTo>
                  <a:pt x="4826000" y="108203"/>
                </a:lnTo>
                <a:lnTo>
                  <a:pt x="4953000" y="134873"/>
                </a:lnTo>
                <a:close/>
              </a:path>
              <a:path w="11811000" h="494030">
                <a:moveTo>
                  <a:pt x="5080000" y="145541"/>
                </a:moveTo>
                <a:lnTo>
                  <a:pt x="5080000" y="80009"/>
                </a:lnTo>
                <a:lnTo>
                  <a:pt x="4953000" y="58270"/>
                </a:lnTo>
                <a:lnTo>
                  <a:pt x="4953000" y="133524"/>
                </a:lnTo>
                <a:lnTo>
                  <a:pt x="5080000" y="145541"/>
                </a:lnTo>
                <a:close/>
              </a:path>
              <a:path w="11811000" h="494030">
                <a:moveTo>
                  <a:pt x="5207000" y="162305"/>
                </a:moveTo>
                <a:lnTo>
                  <a:pt x="5207000" y="108203"/>
                </a:lnTo>
                <a:lnTo>
                  <a:pt x="5080000" y="124967"/>
                </a:lnTo>
                <a:lnTo>
                  <a:pt x="5080000" y="164591"/>
                </a:lnTo>
                <a:lnTo>
                  <a:pt x="5207000" y="162305"/>
                </a:lnTo>
                <a:close/>
              </a:path>
              <a:path w="11811000" h="494030">
                <a:moveTo>
                  <a:pt x="5334000" y="121157"/>
                </a:moveTo>
                <a:lnTo>
                  <a:pt x="5334000" y="83043"/>
                </a:lnTo>
                <a:lnTo>
                  <a:pt x="5207000" y="86867"/>
                </a:lnTo>
                <a:lnTo>
                  <a:pt x="5207000" y="132587"/>
                </a:lnTo>
                <a:lnTo>
                  <a:pt x="5334000" y="121157"/>
                </a:lnTo>
                <a:close/>
              </a:path>
              <a:path w="11811000" h="494030">
                <a:moveTo>
                  <a:pt x="5588000" y="119633"/>
                </a:moveTo>
                <a:lnTo>
                  <a:pt x="5588000" y="77413"/>
                </a:lnTo>
                <a:lnTo>
                  <a:pt x="5461000" y="76786"/>
                </a:lnTo>
                <a:lnTo>
                  <a:pt x="5461000" y="80771"/>
                </a:lnTo>
                <a:lnTo>
                  <a:pt x="5334000" y="83819"/>
                </a:lnTo>
                <a:lnTo>
                  <a:pt x="5334000" y="114299"/>
                </a:lnTo>
                <a:lnTo>
                  <a:pt x="5461000" y="108203"/>
                </a:lnTo>
                <a:lnTo>
                  <a:pt x="5588000" y="119633"/>
                </a:lnTo>
                <a:close/>
              </a:path>
              <a:path w="11811000" h="494030">
                <a:moveTo>
                  <a:pt x="5715000" y="88391"/>
                </a:moveTo>
                <a:lnTo>
                  <a:pt x="5715000" y="54431"/>
                </a:lnTo>
                <a:lnTo>
                  <a:pt x="5588000" y="55696"/>
                </a:lnTo>
                <a:lnTo>
                  <a:pt x="5588000" y="92963"/>
                </a:lnTo>
                <a:lnTo>
                  <a:pt x="5715000" y="88391"/>
                </a:lnTo>
                <a:close/>
              </a:path>
              <a:path w="11811000" h="494030">
                <a:moveTo>
                  <a:pt x="5842000" y="80771"/>
                </a:moveTo>
                <a:lnTo>
                  <a:pt x="5842000" y="50291"/>
                </a:lnTo>
                <a:lnTo>
                  <a:pt x="5715000" y="46481"/>
                </a:lnTo>
                <a:lnTo>
                  <a:pt x="5715000" y="74675"/>
                </a:lnTo>
                <a:lnTo>
                  <a:pt x="5842000" y="80771"/>
                </a:lnTo>
                <a:close/>
              </a:path>
              <a:path w="11811000" h="494030">
                <a:moveTo>
                  <a:pt x="5969000" y="70865"/>
                </a:moveTo>
                <a:lnTo>
                  <a:pt x="5969000" y="49529"/>
                </a:lnTo>
                <a:lnTo>
                  <a:pt x="5842000" y="47478"/>
                </a:lnTo>
                <a:lnTo>
                  <a:pt x="5842000" y="72389"/>
                </a:lnTo>
                <a:lnTo>
                  <a:pt x="5969000" y="70865"/>
                </a:lnTo>
                <a:close/>
              </a:path>
              <a:path w="11811000" h="494030">
                <a:moveTo>
                  <a:pt x="6096000" y="105155"/>
                </a:moveTo>
                <a:lnTo>
                  <a:pt x="6096000" y="67055"/>
                </a:lnTo>
                <a:lnTo>
                  <a:pt x="5969000" y="71627"/>
                </a:lnTo>
                <a:lnTo>
                  <a:pt x="5969000" y="118871"/>
                </a:lnTo>
                <a:lnTo>
                  <a:pt x="6096000" y="105155"/>
                </a:lnTo>
                <a:close/>
              </a:path>
              <a:path w="11811000" h="494030">
                <a:moveTo>
                  <a:pt x="6096000" y="470915"/>
                </a:moveTo>
                <a:lnTo>
                  <a:pt x="6096000" y="377951"/>
                </a:lnTo>
                <a:lnTo>
                  <a:pt x="5969000" y="386333"/>
                </a:lnTo>
                <a:lnTo>
                  <a:pt x="5969000" y="461771"/>
                </a:lnTo>
                <a:lnTo>
                  <a:pt x="6096000" y="470915"/>
                </a:lnTo>
                <a:close/>
              </a:path>
              <a:path w="11811000" h="494030">
                <a:moveTo>
                  <a:pt x="6223000" y="124967"/>
                </a:moveTo>
                <a:lnTo>
                  <a:pt x="6223000" y="59156"/>
                </a:lnTo>
                <a:lnTo>
                  <a:pt x="6096000" y="57667"/>
                </a:lnTo>
                <a:lnTo>
                  <a:pt x="6096000" y="122681"/>
                </a:lnTo>
                <a:lnTo>
                  <a:pt x="6223000" y="124967"/>
                </a:lnTo>
                <a:close/>
              </a:path>
              <a:path w="11811000" h="494030">
                <a:moveTo>
                  <a:pt x="6223000" y="390143"/>
                </a:moveTo>
                <a:lnTo>
                  <a:pt x="6223000" y="368045"/>
                </a:lnTo>
                <a:lnTo>
                  <a:pt x="6096000" y="368807"/>
                </a:lnTo>
                <a:lnTo>
                  <a:pt x="6096000" y="390097"/>
                </a:lnTo>
                <a:lnTo>
                  <a:pt x="6223000" y="390143"/>
                </a:lnTo>
                <a:close/>
              </a:path>
              <a:path w="11811000" h="494030">
                <a:moveTo>
                  <a:pt x="6223000" y="483869"/>
                </a:moveTo>
                <a:lnTo>
                  <a:pt x="6223000" y="470153"/>
                </a:lnTo>
                <a:lnTo>
                  <a:pt x="6096000" y="466561"/>
                </a:lnTo>
                <a:lnTo>
                  <a:pt x="6096000" y="483107"/>
                </a:lnTo>
                <a:lnTo>
                  <a:pt x="6223000" y="483869"/>
                </a:lnTo>
                <a:close/>
              </a:path>
              <a:path w="11811000" h="494030">
                <a:moveTo>
                  <a:pt x="6350000" y="116585"/>
                </a:moveTo>
                <a:lnTo>
                  <a:pt x="6350000" y="60197"/>
                </a:lnTo>
                <a:lnTo>
                  <a:pt x="6223000" y="80771"/>
                </a:lnTo>
                <a:lnTo>
                  <a:pt x="6223000" y="134873"/>
                </a:lnTo>
                <a:lnTo>
                  <a:pt x="6350000" y="116585"/>
                </a:lnTo>
                <a:close/>
              </a:path>
              <a:path w="11811000" h="494030">
                <a:moveTo>
                  <a:pt x="6350000" y="389988"/>
                </a:moveTo>
                <a:lnTo>
                  <a:pt x="6350000" y="372617"/>
                </a:lnTo>
                <a:lnTo>
                  <a:pt x="6223000" y="372770"/>
                </a:lnTo>
                <a:lnTo>
                  <a:pt x="6223000" y="391667"/>
                </a:lnTo>
                <a:lnTo>
                  <a:pt x="6350000" y="389988"/>
                </a:lnTo>
                <a:close/>
              </a:path>
              <a:path w="11811000" h="494030">
                <a:moveTo>
                  <a:pt x="6350000" y="493775"/>
                </a:moveTo>
                <a:lnTo>
                  <a:pt x="6350000" y="473963"/>
                </a:lnTo>
                <a:lnTo>
                  <a:pt x="6223000" y="472439"/>
                </a:lnTo>
                <a:lnTo>
                  <a:pt x="6223000" y="491489"/>
                </a:lnTo>
                <a:lnTo>
                  <a:pt x="6350000" y="493775"/>
                </a:lnTo>
                <a:close/>
              </a:path>
              <a:path w="11811000" h="494030">
                <a:moveTo>
                  <a:pt x="6477000" y="144779"/>
                </a:moveTo>
                <a:lnTo>
                  <a:pt x="6477000" y="54101"/>
                </a:lnTo>
                <a:lnTo>
                  <a:pt x="6350000" y="80771"/>
                </a:lnTo>
                <a:lnTo>
                  <a:pt x="6350000" y="147827"/>
                </a:lnTo>
                <a:lnTo>
                  <a:pt x="6477000" y="144779"/>
                </a:lnTo>
                <a:close/>
              </a:path>
              <a:path w="11811000" h="494030">
                <a:moveTo>
                  <a:pt x="6477000" y="400811"/>
                </a:moveTo>
                <a:lnTo>
                  <a:pt x="6477000" y="383285"/>
                </a:lnTo>
                <a:lnTo>
                  <a:pt x="6350000" y="382280"/>
                </a:lnTo>
                <a:lnTo>
                  <a:pt x="6350000" y="400811"/>
                </a:lnTo>
                <a:lnTo>
                  <a:pt x="6477000" y="400811"/>
                </a:lnTo>
                <a:close/>
              </a:path>
              <a:path w="11811000" h="494030">
                <a:moveTo>
                  <a:pt x="6477000" y="478452"/>
                </a:moveTo>
                <a:lnTo>
                  <a:pt x="6477000" y="461009"/>
                </a:lnTo>
                <a:lnTo>
                  <a:pt x="6350000" y="461771"/>
                </a:lnTo>
                <a:lnTo>
                  <a:pt x="6350000" y="478749"/>
                </a:lnTo>
                <a:lnTo>
                  <a:pt x="6477000" y="478452"/>
                </a:lnTo>
                <a:close/>
              </a:path>
              <a:path w="11811000" h="494030">
                <a:moveTo>
                  <a:pt x="6604000" y="108203"/>
                </a:moveTo>
                <a:lnTo>
                  <a:pt x="6604000" y="0"/>
                </a:lnTo>
                <a:lnTo>
                  <a:pt x="6477000" y="0"/>
                </a:lnTo>
                <a:lnTo>
                  <a:pt x="6477000" y="105155"/>
                </a:lnTo>
                <a:lnTo>
                  <a:pt x="6604000" y="108203"/>
                </a:lnTo>
                <a:close/>
              </a:path>
              <a:path w="11811000" h="494030">
                <a:moveTo>
                  <a:pt x="6604000" y="404621"/>
                </a:moveTo>
                <a:lnTo>
                  <a:pt x="6604000" y="389381"/>
                </a:lnTo>
                <a:lnTo>
                  <a:pt x="6477000" y="382523"/>
                </a:lnTo>
                <a:lnTo>
                  <a:pt x="6477000" y="403097"/>
                </a:lnTo>
                <a:lnTo>
                  <a:pt x="6604000" y="404621"/>
                </a:lnTo>
                <a:close/>
              </a:path>
              <a:path w="11811000" h="494030">
                <a:moveTo>
                  <a:pt x="6604000" y="464819"/>
                </a:moveTo>
                <a:lnTo>
                  <a:pt x="6604000" y="435863"/>
                </a:lnTo>
                <a:lnTo>
                  <a:pt x="6477000" y="454913"/>
                </a:lnTo>
                <a:lnTo>
                  <a:pt x="6477000" y="473963"/>
                </a:lnTo>
                <a:lnTo>
                  <a:pt x="6604000" y="464819"/>
                </a:lnTo>
                <a:close/>
              </a:path>
              <a:path w="11811000" h="494030">
                <a:moveTo>
                  <a:pt x="6731000" y="157355"/>
                </a:moveTo>
                <a:lnTo>
                  <a:pt x="6731000" y="134873"/>
                </a:lnTo>
                <a:lnTo>
                  <a:pt x="6604000" y="129539"/>
                </a:lnTo>
                <a:lnTo>
                  <a:pt x="6604000" y="155559"/>
                </a:lnTo>
                <a:lnTo>
                  <a:pt x="6731000" y="157355"/>
                </a:lnTo>
                <a:close/>
              </a:path>
              <a:path w="11811000" h="494030">
                <a:moveTo>
                  <a:pt x="6731000" y="437387"/>
                </a:moveTo>
                <a:lnTo>
                  <a:pt x="6731000" y="401573"/>
                </a:lnTo>
                <a:lnTo>
                  <a:pt x="6604000" y="401573"/>
                </a:lnTo>
                <a:lnTo>
                  <a:pt x="6604000" y="441197"/>
                </a:lnTo>
                <a:lnTo>
                  <a:pt x="6731000" y="437387"/>
                </a:lnTo>
                <a:close/>
              </a:path>
              <a:path w="11811000" h="494030">
                <a:moveTo>
                  <a:pt x="6858000" y="106679"/>
                </a:moveTo>
                <a:lnTo>
                  <a:pt x="6858000" y="84581"/>
                </a:lnTo>
                <a:lnTo>
                  <a:pt x="6731000" y="91439"/>
                </a:lnTo>
                <a:lnTo>
                  <a:pt x="6731000" y="108203"/>
                </a:lnTo>
                <a:lnTo>
                  <a:pt x="6858000" y="106679"/>
                </a:lnTo>
                <a:close/>
              </a:path>
              <a:path w="11811000" h="494030">
                <a:moveTo>
                  <a:pt x="6858000" y="445769"/>
                </a:moveTo>
                <a:lnTo>
                  <a:pt x="6858000" y="395477"/>
                </a:lnTo>
                <a:lnTo>
                  <a:pt x="6731000" y="391667"/>
                </a:lnTo>
                <a:lnTo>
                  <a:pt x="6731000" y="450341"/>
                </a:lnTo>
                <a:lnTo>
                  <a:pt x="6858000" y="445769"/>
                </a:lnTo>
                <a:close/>
              </a:path>
              <a:path w="11811000" h="494030">
                <a:moveTo>
                  <a:pt x="6985000" y="103773"/>
                </a:moveTo>
                <a:lnTo>
                  <a:pt x="6985000" y="80771"/>
                </a:lnTo>
                <a:lnTo>
                  <a:pt x="6858000" y="87629"/>
                </a:lnTo>
                <a:lnTo>
                  <a:pt x="6858000" y="111494"/>
                </a:lnTo>
                <a:lnTo>
                  <a:pt x="6985000" y="103773"/>
                </a:lnTo>
                <a:close/>
              </a:path>
              <a:path w="11811000" h="494030">
                <a:moveTo>
                  <a:pt x="7112000" y="130301"/>
                </a:moveTo>
                <a:lnTo>
                  <a:pt x="7112000" y="99059"/>
                </a:lnTo>
                <a:lnTo>
                  <a:pt x="6985000" y="89915"/>
                </a:lnTo>
                <a:lnTo>
                  <a:pt x="6985000" y="113959"/>
                </a:lnTo>
                <a:lnTo>
                  <a:pt x="7112000" y="130301"/>
                </a:lnTo>
                <a:close/>
              </a:path>
              <a:path w="11811000" h="494030">
                <a:moveTo>
                  <a:pt x="7239000" y="90677"/>
                </a:moveTo>
                <a:lnTo>
                  <a:pt x="7239000" y="66293"/>
                </a:lnTo>
                <a:lnTo>
                  <a:pt x="7112000" y="66293"/>
                </a:lnTo>
                <a:lnTo>
                  <a:pt x="7112000" y="90677"/>
                </a:lnTo>
                <a:lnTo>
                  <a:pt x="7239000" y="90677"/>
                </a:lnTo>
                <a:close/>
              </a:path>
              <a:path w="11811000" h="494030">
                <a:moveTo>
                  <a:pt x="7239000" y="452627"/>
                </a:moveTo>
                <a:lnTo>
                  <a:pt x="7239000" y="400811"/>
                </a:lnTo>
                <a:lnTo>
                  <a:pt x="7112000" y="404621"/>
                </a:lnTo>
                <a:lnTo>
                  <a:pt x="7112000" y="445007"/>
                </a:lnTo>
                <a:lnTo>
                  <a:pt x="7239000" y="452627"/>
                </a:lnTo>
                <a:close/>
              </a:path>
              <a:path w="11811000" h="494030">
                <a:moveTo>
                  <a:pt x="7366000" y="131063"/>
                </a:moveTo>
                <a:lnTo>
                  <a:pt x="7366000" y="97535"/>
                </a:lnTo>
                <a:lnTo>
                  <a:pt x="7239000" y="91439"/>
                </a:lnTo>
                <a:lnTo>
                  <a:pt x="7239000" y="122681"/>
                </a:lnTo>
                <a:lnTo>
                  <a:pt x="7366000" y="131063"/>
                </a:lnTo>
                <a:close/>
              </a:path>
              <a:path w="11811000" h="494030">
                <a:moveTo>
                  <a:pt x="7493000" y="118871"/>
                </a:moveTo>
                <a:lnTo>
                  <a:pt x="7493000" y="91743"/>
                </a:lnTo>
                <a:lnTo>
                  <a:pt x="7366000" y="93725"/>
                </a:lnTo>
                <a:lnTo>
                  <a:pt x="7366000" y="121919"/>
                </a:lnTo>
                <a:lnTo>
                  <a:pt x="7493000" y="118871"/>
                </a:lnTo>
                <a:close/>
              </a:path>
              <a:path w="11811000" h="494030">
                <a:moveTo>
                  <a:pt x="7620000" y="142493"/>
                </a:moveTo>
                <a:lnTo>
                  <a:pt x="7620000" y="110489"/>
                </a:lnTo>
                <a:lnTo>
                  <a:pt x="7493000" y="108965"/>
                </a:lnTo>
                <a:lnTo>
                  <a:pt x="7493000" y="141731"/>
                </a:lnTo>
                <a:lnTo>
                  <a:pt x="7620000" y="142493"/>
                </a:lnTo>
                <a:close/>
              </a:path>
              <a:path w="11811000" h="494030">
                <a:moveTo>
                  <a:pt x="7620000" y="458723"/>
                </a:moveTo>
                <a:lnTo>
                  <a:pt x="7620000" y="397763"/>
                </a:lnTo>
                <a:lnTo>
                  <a:pt x="7493000" y="397763"/>
                </a:lnTo>
                <a:lnTo>
                  <a:pt x="7493000" y="457199"/>
                </a:lnTo>
                <a:lnTo>
                  <a:pt x="7620000" y="458723"/>
                </a:lnTo>
                <a:close/>
              </a:path>
              <a:path w="11811000" h="494030">
                <a:moveTo>
                  <a:pt x="7747000" y="157733"/>
                </a:moveTo>
                <a:lnTo>
                  <a:pt x="7747000" y="122681"/>
                </a:lnTo>
                <a:lnTo>
                  <a:pt x="7620000" y="108203"/>
                </a:lnTo>
                <a:lnTo>
                  <a:pt x="7620000" y="153923"/>
                </a:lnTo>
                <a:lnTo>
                  <a:pt x="7747000" y="157733"/>
                </a:lnTo>
                <a:close/>
              </a:path>
              <a:path w="11811000" h="494030">
                <a:moveTo>
                  <a:pt x="7874000" y="134873"/>
                </a:moveTo>
                <a:lnTo>
                  <a:pt x="7874000" y="95249"/>
                </a:lnTo>
                <a:lnTo>
                  <a:pt x="7747000" y="80771"/>
                </a:lnTo>
                <a:lnTo>
                  <a:pt x="7747000" y="109727"/>
                </a:lnTo>
                <a:lnTo>
                  <a:pt x="7874000" y="134873"/>
                </a:lnTo>
                <a:close/>
              </a:path>
              <a:path w="11811000" h="494030">
                <a:moveTo>
                  <a:pt x="8001000" y="88391"/>
                </a:moveTo>
                <a:lnTo>
                  <a:pt x="8001000" y="69341"/>
                </a:lnTo>
                <a:lnTo>
                  <a:pt x="7874000" y="74675"/>
                </a:lnTo>
                <a:lnTo>
                  <a:pt x="7874000" y="100583"/>
                </a:lnTo>
                <a:lnTo>
                  <a:pt x="8001000" y="88391"/>
                </a:lnTo>
                <a:close/>
              </a:path>
              <a:path w="11811000" h="494030">
                <a:moveTo>
                  <a:pt x="8128000" y="95249"/>
                </a:moveTo>
                <a:lnTo>
                  <a:pt x="8128000" y="69341"/>
                </a:lnTo>
                <a:lnTo>
                  <a:pt x="8001000" y="67817"/>
                </a:lnTo>
                <a:lnTo>
                  <a:pt x="8001000" y="91439"/>
                </a:lnTo>
                <a:lnTo>
                  <a:pt x="8128000" y="95249"/>
                </a:lnTo>
                <a:close/>
              </a:path>
              <a:path w="11811000" h="494030">
                <a:moveTo>
                  <a:pt x="8255000" y="70103"/>
                </a:moveTo>
                <a:lnTo>
                  <a:pt x="8255000" y="48767"/>
                </a:lnTo>
                <a:lnTo>
                  <a:pt x="8128000" y="53962"/>
                </a:lnTo>
                <a:lnTo>
                  <a:pt x="8128000" y="76961"/>
                </a:lnTo>
                <a:lnTo>
                  <a:pt x="8255000" y="70103"/>
                </a:lnTo>
                <a:close/>
              </a:path>
              <a:path w="11811000" h="494030">
                <a:moveTo>
                  <a:pt x="8382000" y="96011"/>
                </a:moveTo>
                <a:lnTo>
                  <a:pt x="8382000" y="61687"/>
                </a:lnTo>
                <a:lnTo>
                  <a:pt x="8255000" y="65276"/>
                </a:lnTo>
                <a:lnTo>
                  <a:pt x="8255000" y="108203"/>
                </a:lnTo>
                <a:lnTo>
                  <a:pt x="8382000" y="96011"/>
                </a:lnTo>
                <a:close/>
              </a:path>
              <a:path w="11811000" h="494030">
                <a:moveTo>
                  <a:pt x="8509000" y="47243"/>
                </a:moveTo>
                <a:lnTo>
                  <a:pt x="8509000" y="0"/>
                </a:lnTo>
                <a:lnTo>
                  <a:pt x="8382000" y="0"/>
                </a:lnTo>
                <a:lnTo>
                  <a:pt x="8382000" y="48005"/>
                </a:lnTo>
                <a:lnTo>
                  <a:pt x="8509000" y="47243"/>
                </a:lnTo>
                <a:close/>
              </a:path>
              <a:path w="11811000" h="494030">
                <a:moveTo>
                  <a:pt x="8763000" y="432053"/>
                </a:moveTo>
                <a:lnTo>
                  <a:pt x="8636000" y="426719"/>
                </a:lnTo>
                <a:lnTo>
                  <a:pt x="8636000" y="438149"/>
                </a:lnTo>
                <a:lnTo>
                  <a:pt x="8763000" y="432053"/>
                </a:lnTo>
                <a:close/>
              </a:path>
              <a:path w="11811000" h="494030">
                <a:moveTo>
                  <a:pt x="9144000" y="54101"/>
                </a:moveTo>
                <a:lnTo>
                  <a:pt x="9144000" y="20573"/>
                </a:lnTo>
                <a:lnTo>
                  <a:pt x="9017000" y="2285"/>
                </a:lnTo>
                <a:lnTo>
                  <a:pt x="9017000" y="48767"/>
                </a:lnTo>
                <a:lnTo>
                  <a:pt x="9144000" y="54101"/>
                </a:lnTo>
                <a:close/>
              </a:path>
              <a:path w="11811000" h="494030">
                <a:moveTo>
                  <a:pt x="9398000" y="81533"/>
                </a:moveTo>
                <a:lnTo>
                  <a:pt x="9398000" y="26669"/>
                </a:lnTo>
                <a:lnTo>
                  <a:pt x="9271000" y="18287"/>
                </a:lnTo>
                <a:lnTo>
                  <a:pt x="9271000" y="108203"/>
                </a:lnTo>
                <a:lnTo>
                  <a:pt x="9398000" y="81533"/>
                </a:lnTo>
                <a:close/>
              </a:path>
              <a:path w="11811000" h="494030">
                <a:moveTo>
                  <a:pt x="9525000" y="70865"/>
                </a:moveTo>
                <a:lnTo>
                  <a:pt x="9525000" y="34289"/>
                </a:lnTo>
                <a:lnTo>
                  <a:pt x="9398000" y="38861"/>
                </a:lnTo>
                <a:lnTo>
                  <a:pt x="9398000" y="70865"/>
                </a:lnTo>
                <a:lnTo>
                  <a:pt x="9525000" y="70865"/>
                </a:lnTo>
                <a:close/>
              </a:path>
              <a:path w="11811000" h="494030">
                <a:moveTo>
                  <a:pt x="9652000" y="108965"/>
                </a:moveTo>
                <a:lnTo>
                  <a:pt x="9652000" y="44957"/>
                </a:lnTo>
                <a:lnTo>
                  <a:pt x="9525000" y="51053"/>
                </a:lnTo>
                <a:lnTo>
                  <a:pt x="9525000" y="114299"/>
                </a:lnTo>
                <a:lnTo>
                  <a:pt x="9652000" y="108965"/>
                </a:lnTo>
                <a:close/>
              </a:path>
              <a:path w="11811000" h="494030">
                <a:moveTo>
                  <a:pt x="9779000" y="102107"/>
                </a:moveTo>
                <a:lnTo>
                  <a:pt x="9779000" y="67055"/>
                </a:lnTo>
                <a:lnTo>
                  <a:pt x="9652000" y="66293"/>
                </a:lnTo>
                <a:lnTo>
                  <a:pt x="9652000" y="104393"/>
                </a:lnTo>
                <a:lnTo>
                  <a:pt x="9779000" y="102107"/>
                </a:lnTo>
                <a:close/>
              </a:path>
              <a:path w="11811000" h="494030">
                <a:moveTo>
                  <a:pt x="9906000" y="136397"/>
                </a:moveTo>
                <a:lnTo>
                  <a:pt x="9906000" y="94487"/>
                </a:lnTo>
                <a:lnTo>
                  <a:pt x="9779000" y="102869"/>
                </a:lnTo>
                <a:lnTo>
                  <a:pt x="9779000" y="138683"/>
                </a:lnTo>
                <a:lnTo>
                  <a:pt x="9906000" y="136397"/>
                </a:lnTo>
                <a:close/>
              </a:path>
              <a:path w="11811000" h="494030">
                <a:moveTo>
                  <a:pt x="10033000" y="122681"/>
                </a:moveTo>
                <a:lnTo>
                  <a:pt x="10033000" y="59069"/>
                </a:lnTo>
                <a:lnTo>
                  <a:pt x="9906000" y="62829"/>
                </a:lnTo>
                <a:lnTo>
                  <a:pt x="9906000" y="123443"/>
                </a:lnTo>
                <a:lnTo>
                  <a:pt x="10033000" y="122681"/>
                </a:lnTo>
                <a:close/>
              </a:path>
              <a:path w="11811000" h="494030">
                <a:moveTo>
                  <a:pt x="10160000" y="122681"/>
                </a:moveTo>
                <a:lnTo>
                  <a:pt x="10160000" y="75437"/>
                </a:lnTo>
                <a:lnTo>
                  <a:pt x="10033000" y="71627"/>
                </a:lnTo>
                <a:lnTo>
                  <a:pt x="10033000" y="115061"/>
                </a:lnTo>
                <a:lnTo>
                  <a:pt x="10160000" y="122681"/>
                </a:lnTo>
                <a:close/>
              </a:path>
              <a:path w="11811000" h="494030">
                <a:moveTo>
                  <a:pt x="10287000" y="129539"/>
                </a:moveTo>
                <a:lnTo>
                  <a:pt x="10287000" y="80771"/>
                </a:lnTo>
                <a:lnTo>
                  <a:pt x="10160000" y="67817"/>
                </a:lnTo>
                <a:lnTo>
                  <a:pt x="10160000" y="109727"/>
                </a:lnTo>
                <a:lnTo>
                  <a:pt x="10287000" y="129539"/>
                </a:lnTo>
                <a:close/>
              </a:path>
              <a:path w="11811000" h="494030">
                <a:moveTo>
                  <a:pt x="10414000" y="117347"/>
                </a:moveTo>
                <a:lnTo>
                  <a:pt x="10414000" y="80771"/>
                </a:lnTo>
                <a:lnTo>
                  <a:pt x="10287000" y="78485"/>
                </a:lnTo>
                <a:lnTo>
                  <a:pt x="10287000" y="108965"/>
                </a:lnTo>
                <a:lnTo>
                  <a:pt x="10414000" y="117347"/>
                </a:lnTo>
                <a:close/>
              </a:path>
              <a:path w="11811000" h="494030">
                <a:moveTo>
                  <a:pt x="10541000" y="108965"/>
                </a:moveTo>
                <a:lnTo>
                  <a:pt x="10541000" y="74805"/>
                </a:lnTo>
                <a:lnTo>
                  <a:pt x="10414000" y="76411"/>
                </a:lnTo>
                <a:lnTo>
                  <a:pt x="10414000" y="119633"/>
                </a:lnTo>
                <a:lnTo>
                  <a:pt x="10541000" y="108965"/>
                </a:lnTo>
                <a:close/>
              </a:path>
              <a:path w="11811000" h="494030">
                <a:moveTo>
                  <a:pt x="10668000" y="109727"/>
                </a:moveTo>
                <a:lnTo>
                  <a:pt x="10668000" y="0"/>
                </a:lnTo>
                <a:lnTo>
                  <a:pt x="10541000" y="0"/>
                </a:lnTo>
                <a:lnTo>
                  <a:pt x="10541000" y="115823"/>
                </a:lnTo>
                <a:lnTo>
                  <a:pt x="10668000" y="109727"/>
                </a:lnTo>
                <a:close/>
              </a:path>
              <a:path w="11811000" h="494030">
                <a:moveTo>
                  <a:pt x="11049000" y="99059"/>
                </a:moveTo>
                <a:lnTo>
                  <a:pt x="11049000" y="57911"/>
                </a:lnTo>
                <a:lnTo>
                  <a:pt x="10922000" y="60959"/>
                </a:lnTo>
                <a:lnTo>
                  <a:pt x="10922000" y="108203"/>
                </a:lnTo>
                <a:lnTo>
                  <a:pt x="11049000" y="99059"/>
                </a:lnTo>
                <a:close/>
              </a:path>
              <a:path w="11811000" h="494030">
                <a:moveTo>
                  <a:pt x="11049000" y="158495"/>
                </a:moveTo>
                <a:lnTo>
                  <a:pt x="11049000" y="116585"/>
                </a:lnTo>
                <a:lnTo>
                  <a:pt x="10922000" y="108203"/>
                </a:lnTo>
                <a:lnTo>
                  <a:pt x="10922000" y="150875"/>
                </a:lnTo>
                <a:lnTo>
                  <a:pt x="11049000" y="158495"/>
                </a:lnTo>
                <a:close/>
              </a:path>
              <a:path w="11811000" h="494030">
                <a:moveTo>
                  <a:pt x="11176000" y="168401"/>
                </a:moveTo>
                <a:lnTo>
                  <a:pt x="11176000" y="27431"/>
                </a:lnTo>
                <a:lnTo>
                  <a:pt x="11049000" y="35051"/>
                </a:lnTo>
                <a:lnTo>
                  <a:pt x="11049000" y="165353"/>
                </a:lnTo>
                <a:lnTo>
                  <a:pt x="11176000" y="168401"/>
                </a:lnTo>
                <a:close/>
              </a:path>
              <a:path w="11811000" h="494030">
                <a:moveTo>
                  <a:pt x="11303000" y="185927"/>
                </a:moveTo>
                <a:lnTo>
                  <a:pt x="11303000" y="160019"/>
                </a:lnTo>
                <a:lnTo>
                  <a:pt x="11176000" y="156209"/>
                </a:lnTo>
                <a:lnTo>
                  <a:pt x="11176000" y="178307"/>
                </a:lnTo>
                <a:lnTo>
                  <a:pt x="11303000" y="185927"/>
                </a:lnTo>
                <a:close/>
              </a:path>
              <a:path w="11811000" h="494030">
                <a:moveTo>
                  <a:pt x="11430000" y="185927"/>
                </a:moveTo>
                <a:lnTo>
                  <a:pt x="11430000" y="152399"/>
                </a:lnTo>
                <a:lnTo>
                  <a:pt x="11303000" y="147827"/>
                </a:lnTo>
                <a:lnTo>
                  <a:pt x="11303000" y="178307"/>
                </a:lnTo>
                <a:lnTo>
                  <a:pt x="11430000" y="185927"/>
                </a:lnTo>
                <a:close/>
              </a:path>
              <a:path w="11811000" h="494030">
                <a:moveTo>
                  <a:pt x="11557000" y="162305"/>
                </a:moveTo>
                <a:lnTo>
                  <a:pt x="11557000" y="138656"/>
                </a:lnTo>
                <a:lnTo>
                  <a:pt x="11430000" y="140802"/>
                </a:lnTo>
                <a:lnTo>
                  <a:pt x="11430000" y="163829"/>
                </a:lnTo>
                <a:lnTo>
                  <a:pt x="11557000" y="162305"/>
                </a:lnTo>
                <a:close/>
              </a:path>
              <a:path w="11811000" h="494030">
                <a:moveTo>
                  <a:pt x="11684000" y="145541"/>
                </a:moveTo>
                <a:lnTo>
                  <a:pt x="11684000" y="111251"/>
                </a:lnTo>
                <a:lnTo>
                  <a:pt x="11557000" y="108203"/>
                </a:lnTo>
                <a:lnTo>
                  <a:pt x="11557000" y="142493"/>
                </a:lnTo>
                <a:lnTo>
                  <a:pt x="11684000" y="145541"/>
                </a:lnTo>
                <a:close/>
              </a:path>
              <a:path w="11811000" h="494030">
                <a:moveTo>
                  <a:pt x="11811000" y="108203"/>
                </a:moveTo>
                <a:lnTo>
                  <a:pt x="11811000" y="1523"/>
                </a:lnTo>
                <a:lnTo>
                  <a:pt x="11684000" y="10667"/>
                </a:lnTo>
                <a:lnTo>
                  <a:pt x="11684000" y="118109"/>
                </a:lnTo>
                <a:lnTo>
                  <a:pt x="11811000" y="108203"/>
                </a:lnTo>
                <a:close/>
              </a:path>
            </a:pathLst>
          </a:custGeom>
          <a:solidFill>
            <a:srgbClr val="FF9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2" name="object 172"/>
          <p:cNvSpPr/>
          <p:nvPr/>
        </p:nvSpPr>
        <p:spPr>
          <a:xfrm>
            <a:off x="1541929" y="1995543"/>
            <a:ext cx="6947647" cy="301812"/>
          </a:xfrm>
          <a:custGeom>
            <a:avLst/>
            <a:gdLst/>
            <a:ahLst/>
            <a:cxnLst/>
            <a:rect l="l" t="t" r="r" b="b"/>
            <a:pathLst>
              <a:path w="11811000" h="513080">
                <a:moveTo>
                  <a:pt x="127000" y="70103"/>
                </a:moveTo>
                <a:lnTo>
                  <a:pt x="127000" y="38766"/>
                </a:lnTo>
                <a:lnTo>
                  <a:pt x="0" y="33719"/>
                </a:lnTo>
                <a:lnTo>
                  <a:pt x="0" y="63245"/>
                </a:lnTo>
                <a:lnTo>
                  <a:pt x="127000" y="70103"/>
                </a:lnTo>
                <a:close/>
              </a:path>
              <a:path w="11811000" h="513080">
                <a:moveTo>
                  <a:pt x="254000" y="77723"/>
                </a:moveTo>
                <a:lnTo>
                  <a:pt x="254000" y="57149"/>
                </a:lnTo>
                <a:lnTo>
                  <a:pt x="127000" y="56918"/>
                </a:lnTo>
                <a:lnTo>
                  <a:pt x="127000" y="76199"/>
                </a:lnTo>
                <a:lnTo>
                  <a:pt x="254000" y="77723"/>
                </a:lnTo>
                <a:close/>
              </a:path>
              <a:path w="11811000" h="513080">
                <a:moveTo>
                  <a:pt x="381000" y="74542"/>
                </a:moveTo>
                <a:lnTo>
                  <a:pt x="381000" y="57622"/>
                </a:lnTo>
                <a:lnTo>
                  <a:pt x="254000" y="57802"/>
                </a:lnTo>
                <a:lnTo>
                  <a:pt x="254000" y="74326"/>
                </a:lnTo>
                <a:lnTo>
                  <a:pt x="381000" y="74542"/>
                </a:lnTo>
                <a:close/>
              </a:path>
              <a:path w="11811000" h="513080">
                <a:moveTo>
                  <a:pt x="508000" y="87629"/>
                </a:moveTo>
                <a:lnTo>
                  <a:pt x="508000" y="61721"/>
                </a:lnTo>
                <a:lnTo>
                  <a:pt x="381000" y="60197"/>
                </a:lnTo>
                <a:lnTo>
                  <a:pt x="381000" y="84581"/>
                </a:lnTo>
                <a:lnTo>
                  <a:pt x="508000" y="87629"/>
                </a:lnTo>
                <a:close/>
              </a:path>
              <a:path w="11811000" h="513080">
                <a:moveTo>
                  <a:pt x="635000" y="100583"/>
                </a:moveTo>
                <a:lnTo>
                  <a:pt x="635000" y="86867"/>
                </a:lnTo>
                <a:lnTo>
                  <a:pt x="508000" y="84581"/>
                </a:lnTo>
                <a:lnTo>
                  <a:pt x="508000" y="99821"/>
                </a:lnTo>
                <a:lnTo>
                  <a:pt x="635000" y="100583"/>
                </a:lnTo>
                <a:close/>
              </a:path>
              <a:path w="11811000" h="513080">
                <a:moveTo>
                  <a:pt x="762000" y="107441"/>
                </a:moveTo>
                <a:lnTo>
                  <a:pt x="762000" y="92201"/>
                </a:lnTo>
                <a:lnTo>
                  <a:pt x="635000" y="92963"/>
                </a:lnTo>
                <a:lnTo>
                  <a:pt x="635000" y="108203"/>
                </a:lnTo>
                <a:lnTo>
                  <a:pt x="762000" y="107441"/>
                </a:lnTo>
                <a:close/>
              </a:path>
              <a:path w="11811000" h="513080">
                <a:moveTo>
                  <a:pt x="889000" y="136397"/>
                </a:moveTo>
                <a:lnTo>
                  <a:pt x="889000" y="99821"/>
                </a:lnTo>
                <a:lnTo>
                  <a:pt x="762000" y="105155"/>
                </a:lnTo>
                <a:lnTo>
                  <a:pt x="762000" y="147827"/>
                </a:lnTo>
                <a:lnTo>
                  <a:pt x="889000" y="136397"/>
                </a:lnTo>
                <a:close/>
              </a:path>
              <a:path w="11811000" h="513080">
                <a:moveTo>
                  <a:pt x="1016000" y="255269"/>
                </a:moveTo>
                <a:lnTo>
                  <a:pt x="1016000" y="125729"/>
                </a:lnTo>
                <a:lnTo>
                  <a:pt x="889000" y="117347"/>
                </a:lnTo>
                <a:lnTo>
                  <a:pt x="889000" y="236981"/>
                </a:lnTo>
                <a:lnTo>
                  <a:pt x="1016000" y="255269"/>
                </a:lnTo>
                <a:close/>
              </a:path>
              <a:path w="11811000" h="513080">
                <a:moveTo>
                  <a:pt x="1143000" y="111251"/>
                </a:moveTo>
                <a:lnTo>
                  <a:pt x="1143000" y="89915"/>
                </a:lnTo>
                <a:lnTo>
                  <a:pt x="1016000" y="87629"/>
                </a:lnTo>
                <a:lnTo>
                  <a:pt x="1016000" y="108203"/>
                </a:lnTo>
                <a:lnTo>
                  <a:pt x="1143000" y="111251"/>
                </a:lnTo>
                <a:close/>
              </a:path>
              <a:path w="11811000" h="513080">
                <a:moveTo>
                  <a:pt x="1270000" y="267461"/>
                </a:moveTo>
                <a:lnTo>
                  <a:pt x="1270000" y="236981"/>
                </a:lnTo>
                <a:lnTo>
                  <a:pt x="1143000" y="205432"/>
                </a:lnTo>
                <a:lnTo>
                  <a:pt x="1143000" y="253745"/>
                </a:lnTo>
                <a:lnTo>
                  <a:pt x="1270000" y="267461"/>
                </a:lnTo>
                <a:close/>
              </a:path>
              <a:path w="11811000" h="513080">
                <a:moveTo>
                  <a:pt x="1397000" y="195833"/>
                </a:moveTo>
                <a:lnTo>
                  <a:pt x="1397000" y="149351"/>
                </a:lnTo>
                <a:lnTo>
                  <a:pt x="1270000" y="152399"/>
                </a:lnTo>
                <a:lnTo>
                  <a:pt x="1270000" y="192785"/>
                </a:lnTo>
                <a:lnTo>
                  <a:pt x="1397000" y="195833"/>
                </a:lnTo>
                <a:close/>
              </a:path>
              <a:path w="11811000" h="513080">
                <a:moveTo>
                  <a:pt x="1651000" y="172973"/>
                </a:moveTo>
                <a:lnTo>
                  <a:pt x="1651000" y="140969"/>
                </a:lnTo>
                <a:lnTo>
                  <a:pt x="1524000" y="140969"/>
                </a:lnTo>
                <a:lnTo>
                  <a:pt x="1397000" y="142493"/>
                </a:lnTo>
                <a:lnTo>
                  <a:pt x="1397000" y="213359"/>
                </a:lnTo>
                <a:lnTo>
                  <a:pt x="1524000" y="201929"/>
                </a:lnTo>
                <a:lnTo>
                  <a:pt x="1524000" y="184403"/>
                </a:lnTo>
                <a:lnTo>
                  <a:pt x="1651000" y="172973"/>
                </a:lnTo>
                <a:close/>
              </a:path>
              <a:path w="11811000" h="513080">
                <a:moveTo>
                  <a:pt x="1778000" y="172211"/>
                </a:moveTo>
                <a:lnTo>
                  <a:pt x="1778000" y="141350"/>
                </a:lnTo>
                <a:lnTo>
                  <a:pt x="1651000" y="140182"/>
                </a:lnTo>
                <a:lnTo>
                  <a:pt x="1651000" y="173735"/>
                </a:lnTo>
                <a:lnTo>
                  <a:pt x="1778000" y="172211"/>
                </a:lnTo>
                <a:close/>
              </a:path>
              <a:path w="11811000" h="513080">
                <a:moveTo>
                  <a:pt x="1905000" y="269747"/>
                </a:moveTo>
                <a:lnTo>
                  <a:pt x="1905000" y="201167"/>
                </a:lnTo>
                <a:lnTo>
                  <a:pt x="1778000" y="216407"/>
                </a:lnTo>
                <a:lnTo>
                  <a:pt x="1778000" y="265937"/>
                </a:lnTo>
                <a:lnTo>
                  <a:pt x="1905000" y="269747"/>
                </a:lnTo>
                <a:close/>
              </a:path>
              <a:path w="11811000" h="513080">
                <a:moveTo>
                  <a:pt x="2032000" y="223265"/>
                </a:moveTo>
                <a:lnTo>
                  <a:pt x="2032000" y="164591"/>
                </a:lnTo>
                <a:lnTo>
                  <a:pt x="1905000" y="170687"/>
                </a:lnTo>
                <a:lnTo>
                  <a:pt x="1905000" y="220217"/>
                </a:lnTo>
                <a:lnTo>
                  <a:pt x="2032000" y="223265"/>
                </a:lnTo>
                <a:close/>
              </a:path>
              <a:path w="11811000" h="513080">
                <a:moveTo>
                  <a:pt x="2159000" y="187451"/>
                </a:moveTo>
                <a:lnTo>
                  <a:pt x="2159000" y="154685"/>
                </a:lnTo>
                <a:lnTo>
                  <a:pt x="2032000" y="155447"/>
                </a:lnTo>
                <a:lnTo>
                  <a:pt x="2032000" y="185927"/>
                </a:lnTo>
                <a:lnTo>
                  <a:pt x="2159000" y="187451"/>
                </a:lnTo>
                <a:close/>
              </a:path>
              <a:path w="11811000" h="513080">
                <a:moveTo>
                  <a:pt x="2286000" y="158882"/>
                </a:moveTo>
                <a:lnTo>
                  <a:pt x="2286000" y="0"/>
                </a:lnTo>
                <a:lnTo>
                  <a:pt x="2159000" y="0"/>
                </a:lnTo>
                <a:lnTo>
                  <a:pt x="2159000" y="169139"/>
                </a:lnTo>
                <a:lnTo>
                  <a:pt x="2286000" y="158882"/>
                </a:lnTo>
                <a:close/>
              </a:path>
              <a:path w="11811000" h="513080">
                <a:moveTo>
                  <a:pt x="2413000" y="108203"/>
                </a:moveTo>
                <a:lnTo>
                  <a:pt x="2413000" y="56387"/>
                </a:lnTo>
                <a:lnTo>
                  <a:pt x="2286000" y="57149"/>
                </a:lnTo>
                <a:lnTo>
                  <a:pt x="2286000" y="114299"/>
                </a:lnTo>
                <a:lnTo>
                  <a:pt x="2413000" y="108203"/>
                </a:lnTo>
                <a:close/>
              </a:path>
              <a:path w="11811000" h="513080">
                <a:moveTo>
                  <a:pt x="2540000" y="109727"/>
                </a:moveTo>
                <a:lnTo>
                  <a:pt x="2540000" y="60197"/>
                </a:lnTo>
                <a:lnTo>
                  <a:pt x="2413000" y="80771"/>
                </a:lnTo>
                <a:lnTo>
                  <a:pt x="2413000" y="134111"/>
                </a:lnTo>
                <a:lnTo>
                  <a:pt x="2540000" y="109727"/>
                </a:lnTo>
                <a:close/>
              </a:path>
              <a:path w="11811000" h="513080">
                <a:moveTo>
                  <a:pt x="2667000" y="145541"/>
                </a:moveTo>
                <a:lnTo>
                  <a:pt x="2667000" y="118871"/>
                </a:lnTo>
                <a:lnTo>
                  <a:pt x="2540000" y="108203"/>
                </a:lnTo>
                <a:lnTo>
                  <a:pt x="2540000" y="137159"/>
                </a:lnTo>
                <a:lnTo>
                  <a:pt x="2667000" y="145541"/>
                </a:lnTo>
                <a:close/>
              </a:path>
              <a:path w="11811000" h="513080">
                <a:moveTo>
                  <a:pt x="2794000" y="135576"/>
                </a:moveTo>
                <a:lnTo>
                  <a:pt x="2794000" y="109727"/>
                </a:lnTo>
                <a:lnTo>
                  <a:pt x="2667000" y="110489"/>
                </a:lnTo>
                <a:lnTo>
                  <a:pt x="2667000" y="134873"/>
                </a:lnTo>
                <a:lnTo>
                  <a:pt x="2794000" y="135576"/>
                </a:lnTo>
                <a:close/>
              </a:path>
              <a:path w="11811000" h="513080">
                <a:moveTo>
                  <a:pt x="2921000" y="160019"/>
                </a:moveTo>
                <a:lnTo>
                  <a:pt x="2921000" y="141731"/>
                </a:lnTo>
                <a:lnTo>
                  <a:pt x="2794000" y="144779"/>
                </a:lnTo>
                <a:lnTo>
                  <a:pt x="2794000" y="160781"/>
                </a:lnTo>
                <a:lnTo>
                  <a:pt x="2921000" y="160019"/>
                </a:lnTo>
                <a:close/>
              </a:path>
              <a:path w="11811000" h="513080">
                <a:moveTo>
                  <a:pt x="3302000" y="80771"/>
                </a:moveTo>
                <a:lnTo>
                  <a:pt x="3302000" y="0"/>
                </a:lnTo>
                <a:lnTo>
                  <a:pt x="2921000" y="0"/>
                </a:lnTo>
                <a:lnTo>
                  <a:pt x="2921000" y="5333"/>
                </a:lnTo>
                <a:lnTo>
                  <a:pt x="3048000" y="27431"/>
                </a:lnTo>
                <a:lnTo>
                  <a:pt x="3048000" y="131063"/>
                </a:lnTo>
                <a:lnTo>
                  <a:pt x="3175000" y="132587"/>
                </a:lnTo>
                <a:lnTo>
                  <a:pt x="3175000" y="84581"/>
                </a:lnTo>
                <a:lnTo>
                  <a:pt x="3302000" y="80771"/>
                </a:lnTo>
                <a:close/>
              </a:path>
              <a:path w="11811000" h="513080">
                <a:moveTo>
                  <a:pt x="3048000" y="158495"/>
                </a:moveTo>
                <a:lnTo>
                  <a:pt x="3048000" y="139445"/>
                </a:lnTo>
                <a:lnTo>
                  <a:pt x="2921000" y="142493"/>
                </a:lnTo>
                <a:lnTo>
                  <a:pt x="2921000" y="158495"/>
                </a:lnTo>
                <a:lnTo>
                  <a:pt x="3048000" y="158495"/>
                </a:lnTo>
                <a:close/>
              </a:path>
              <a:path w="11811000" h="513080">
                <a:moveTo>
                  <a:pt x="3429000" y="67817"/>
                </a:moveTo>
                <a:lnTo>
                  <a:pt x="3429000" y="40385"/>
                </a:lnTo>
                <a:lnTo>
                  <a:pt x="3302000" y="43433"/>
                </a:lnTo>
                <a:lnTo>
                  <a:pt x="3302000" y="73913"/>
                </a:lnTo>
                <a:lnTo>
                  <a:pt x="3429000" y="67817"/>
                </a:lnTo>
                <a:close/>
              </a:path>
              <a:path w="11811000" h="513080">
                <a:moveTo>
                  <a:pt x="3556000" y="133349"/>
                </a:moveTo>
                <a:lnTo>
                  <a:pt x="3556000" y="44195"/>
                </a:lnTo>
                <a:lnTo>
                  <a:pt x="3429000" y="27431"/>
                </a:lnTo>
                <a:lnTo>
                  <a:pt x="3429000" y="132587"/>
                </a:lnTo>
                <a:lnTo>
                  <a:pt x="3556000" y="133349"/>
                </a:lnTo>
                <a:close/>
              </a:path>
              <a:path w="11811000" h="513080">
                <a:moveTo>
                  <a:pt x="3683000" y="96011"/>
                </a:moveTo>
                <a:lnTo>
                  <a:pt x="3683000" y="62483"/>
                </a:lnTo>
                <a:lnTo>
                  <a:pt x="3556000" y="58673"/>
                </a:lnTo>
                <a:lnTo>
                  <a:pt x="3556000" y="99059"/>
                </a:lnTo>
                <a:lnTo>
                  <a:pt x="3683000" y="96011"/>
                </a:lnTo>
                <a:close/>
              </a:path>
              <a:path w="11811000" h="513080">
                <a:moveTo>
                  <a:pt x="3810000" y="158495"/>
                </a:moveTo>
                <a:lnTo>
                  <a:pt x="3810000" y="86867"/>
                </a:lnTo>
                <a:lnTo>
                  <a:pt x="3683000" y="93725"/>
                </a:lnTo>
                <a:lnTo>
                  <a:pt x="3683000" y="162305"/>
                </a:lnTo>
                <a:lnTo>
                  <a:pt x="3810000" y="158495"/>
                </a:lnTo>
                <a:close/>
              </a:path>
              <a:path w="11811000" h="513080">
                <a:moveTo>
                  <a:pt x="3937000" y="136397"/>
                </a:moveTo>
                <a:lnTo>
                  <a:pt x="3937000" y="86105"/>
                </a:lnTo>
                <a:lnTo>
                  <a:pt x="3810000" y="93725"/>
                </a:lnTo>
                <a:lnTo>
                  <a:pt x="3810000" y="144017"/>
                </a:lnTo>
                <a:lnTo>
                  <a:pt x="3937000" y="136397"/>
                </a:lnTo>
                <a:close/>
              </a:path>
              <a:path w="11811000" h="513080">
                <a:moveTo>
                  <a:pt x="4064000" y="138683"/>
                </a:moveTo>
                <a:lnTo>
                  <a:pt x="4064000" y="85343"/>
                </a:lnTo>
                <a:lnTo>
                  <a:pt x="3937000" y="81533"/>
                </a:lnTo>
                <a:lnTo>
                  <a:pt x="3937000" y="134873"/>
                </a:lnTo>
                <a:lnTo>
                  <a:pt x="4064000" y="138683"/>
                </a:lnTo>
                <a:close/>
              </a:path>
              <a:path w="11811000" h="513080">
                <a:moveTo>
                  <a:pt x="4191000" y="136397"/>
                </a:moveTo>
                <a:lnTo>
                  <a:pt x="4191000" y="76199"/>
                </a:lnTo>
                <a:lnTo>
                  <a:pt x="4064000" y="78485"/>
                </a:lnTo>
                <a:lnTo>
                  <a:pt x="4064000" y="142493"/>
                </a:lnTo>
                <a:lnTo>
                  <a:pt x="4191000" y="136397"/>
                </a:lnTo>
                <a:close/>
              </a:path>
              <a:path w="11811000" h="513080">
                <a:moveTo>
                  <a:pt x="4445000" y="80771"/>
                </a:moveTo>
                <a:lnTo>
                  <a:pt x="4445000" y="0"/>
                </a:lnTo>
                <a:lnTo>
                  <a:pt x="4191000" y="0"/>
                </a:lnTo>
                <a:lnTo>
                  <a:pt x="4191000" y="134873"/>
                </a:lnTo>
                <a:lnTo>
                  <a:pt x="4318000" y="108203"/>
                </a:lnTo>
                <a:lnTo>
                  <a:pt x="4318000" y="72389"/>
                </a:lnTo>
                <a:lnTo>
                  <a:pt x="4445000" y="80771"/>
                </a:lnTo>
                <a:close/>
              </a:path>
              <a:path w="11811000" h="513080">
                <a:moveTo>
                  <a:pt x="4572000" y="170679"/>
                </a:moveTo>
                <a:lnTo>
                  <a:pt x="4572000" y="128015"/>
                </a:lnTo>
                <a:lnTo>
                  <a:pt x="4445000" y="115625"/>
                </a:lnTo>
                <a:lnTo>
                  <a:pt x="4445000" y="167802"/>
                </a:lnTo>
                <a:lnTo>
                  <a:pt x="4572000" y="170679"/>
                </a:lnTo>
                <a:close/>
              </a:path>
              <a:path w="11811000" h="513080">
                <a:moveTo>
                  <a:pt x="4699000" y="176783"/>
                </a:moveTo>
                <a:lnTo>
                  <a:pt x="4699000" y="69244"/>
                </a:lnTo>
                <a:lnTo>
                  <a:pt x="4572000" y="69402"/>
                </a:lnTo>
                <a:lnTo>
                  <a:pt x="4572000" y="188975"/>
                </a:lnTo>
                <a:lnTo>
                  <a:pt x="4699000" y="176783"/>
                </a:lnTo>
                <a:close/>
              </a:path>
              <a:path w="11811000" h="513080">
                <a:moveTo>
                  <a:pt x="4826000" y="96011"/>
                </a:moveTo>
                <a:lnTo>
                  <a:pt x="4826000" y="64769"/>
                </a:lnTo>
                <a:lnTo>
                  <a:pt x="4699000" y="66293"/>
                </a:lnTo>
                <a:lnTo>
                  <a:pt x="4699000" y="100583"/>
                </a:lnTo>
                <a:lnTo>
                  <a:pt x="4826000" y="96011"/>
                </a:lnTo>
                <a:close/>
              </a:path>
              <a:path w="11811000" h="513080">
                <a:moveTo>
                  <a:pt x="4826000" y="243077"/>
                </a:moveTo>
                <a:lnTo>
                  <a:pt x="4826000" y="153161"/>
                </a:lnTo>
                <a:lnTo>
                  <a:pt x="4699000" y="153161"/>
                </a:lnTo>
                <a:lnTo>
                  <a:pt x="4699000" y="234695"/>
                </a:lnTo>
                <a:lnTo>
                  <a:pt x="4826000" y="243077"/>
                </a:lnTo>
                <a:close/>
              </a:path>
              <a:path w="11811000" h="513080">
                <a:moveTo>
                  <a:pt x="4826000" y="458723"/>
                </a:moveTo>
                <a:lnTo>
                  <a:pt x="4826000" y="404621"/>
                </a:lnTo>
                <a:lnTo>
                  <a:pt x="4699000" y="432053"/>
                </a:lnTo>
                <a:lnTo>
                  <a:pt x="4826000" y="458723"/>
                </a:lnTo>
                <a:close/>
              </a:path>
              <a:path w="11811000" h="513080">
                <a:moveTo>
                  <a:pt x="4953000" y="293369"/>
                </a:moveTo>
                <a:lnTo>
                  <a:pt x="4953000" y="134873"/>
                </a:lnTo>
                <a:lnTo>
                  <a:pt x="4826000" y="108203"/>
                </a:lnTo>
                <a:lnTo>
                  <a:pt x="4826000" y="269747"/>
                </a:lnTo>
                <a:lnTo>
                  <a:pt x="4953000" y="293369"/>
                </a:lnTo>
                <a:close/>
              </a:path>
              <a:path w="11811000" h="513080">
                <a:moveTo>
                  <a:pt x="5080000" y="192023"/>
                </a:moveTo>
                <a:lnTo>
                  <a:pt x="5080000" y="145541"/>
                </a:lnTo>
                <a:lnTo>
                  <a:pt x="4953000" y="133524"/>
                </a:lnTo>
                <a:lnTo>
                  <a:pt x="4953000" y="193547"/>
                </a:lnTo>
                <a:lnTo>
                  <a:pt x="5080000" y="192023"/>
                </a:lnTo>
                <a:close/>
              </a:path>
              <a:path w="11811000" h="513080">
                <a:moveTo>
                  <a:pt x="5080000" y="458723"/>
                </a:moveTo>
                <a:lnTo>
                  <a:pt x="5080000" y="413003"/>
                </a:lnTo>
                <a:lnTo>
                  <a:pt x="4953000" y="411479"/>
                </a:lnTo>
                <a:lnTo>
                  <a:pt x="4953000" y="458723"/>
                </a:lnTo>
                <a:lnTo>
                  <a:pt x="5080000" y="458723"/>
                </a:lnTo>
                <a:close/>
              </a:path>
              <a:path w="11811000" h="513080">
                <a:moveTo>
                  <a:pt x="5207000" y="323849"/>
                </a:moveTo>
                <a:lnTo>
                  <a:pt x="5207000" y="162305"/>
                </a:lnTo>
                <a:lnTo>
                  <a:pt x="5080000" y="164591"/>
                </a:lnTo>
                <a:lnTo>
                  <a:pt x="5080000" y="351281"/>
                </a:lnTo>
                <a:lnTo>
                  <a:pt x="5207000" y="323849"/>
                </a:lnTo>
                <a:close/>
              </a:path>
              <a:path w="11811000" h="513080">
                <a:moveTo>
                  <a:pt x="5334000" y="208787"/>
                </a:moveTo>
                <a:lnTo>
                  <a:pt x="5334000" y="121157"/>
                </a:lnTo>
                <a:lnTo>
                  <a:pt x="5207000" y="132587"/>
                </a:lnTo>
                <a:lnTo>
                  <a:pt x="5207000" y="216407"/>
                </a:lnTo>
                <a:lnTo>
                  <a:pt x="5334000" y="208787"/>
                </a:lnTo>
                <a:close/>
              </a:path>
              <a:path w="11811000" h="513080">
                <a:moveTo>
                  <a:pt x="5588000" y="160781"/>
                </a:moveTo>
                <a:lnTo>
                  <a:pt x="5588000" y="119633"/>
                </a:lnTo>
                <a:lnTo>
                  <a:pt x="5461000" y="108203"/>
                </a:lnTo>
                <a:lnTo>
                  <a:pt x="5334000" y="114299"/>
                </a:lnTo>
                <a:lnTo>
                  <a:pt x="5334000" y="164591"/>
                </a:lnTo>
                <a:lnTo>
                  <a:pt x="5461000" y="162305"/>
                </a:lnTo>
                <a:lnTo>
                  <a:pt x="5461000" y="161543"/>
                </a:lnTo>
                <a:lnTo>
                  <a:pt x="5588000" y="160781"/>
                </a:lnTo>
                <a:close/>
              </a:path>
              <a:path w="11811000" h="513080">
                <a:moveTo>
                  <a:pt x="5715000" y="151207"/>
                </a:moveTo>
                <a:lnTo>
                  <a:pt x="5715000" y="88391"/>
                </a:lnTo>
                <a:lnTo>
                  <a:pt x="5588000" y="92963"/>
                </a:lnTo>
                <a:lnTo>
                  <a:pt x="5588000" y="150263"/>
                </a:lnTo>
                <a:lnTo>
                  <a:pt x="5715000" y="151207"/>
                </a:lnTo>
                <a:close/>
              </a:path>
              <a:path w="11811000" h="513080">
                <a:moveTo>
                  <a:pt x="5842000" y="134873"/>
                </a:moveTo>
                <a:lnTo>
                  <a:pt x="5842000" y="80771"/>
                </a:lnTo>
                <a:lnTo>
                  <a:pt x="5715000" y="74675"/>
                </a:lnTo>
                <a:lnTo>
                  <a:pt x="5715000" y="108203"/>
                </a:lnTo>
                <a:lnTo>
                  <a:pt x="5842000" y="134873"/>
                </a:lnTo>
                <a:close/>
              </a:path>
              <a:path w="11811000" h="513080">
                <a:moveTo>
                  <a:pt x="5969000" y="98297"/>
                </a:moveTo>
                <a:lnTo>
                  <a:pt x="5969000" y="70865"/>
                </a:lnTo>
                <a:lnTo>
                  <a:pt x="5842000" y="72389"/>
                </a:lnTo>
                <a:lnTo>
                  <a:pt x="5842000" y="99059"/>
                </a:lnTo>
                <a:lnTo>
                  <a:pt x="5969000" y="98297"/>
                </a:lnTo>
                <a:close/>
              </a:path>
              <a:path w="11811000" h="513080">
                <a:moveTo>
                  <a:pt x="6096000" y="188975"/>
                </a:moveTo>
                <a:lnTo>
                  <a:pt x="6096000" y="105155"/>
                </a:lnTo>
                <a:lnTo>
                  <a:pt x="5969000" y="118871"/>
                </a:lnTo>
                <a:lnTo>
                  <a:pt x="5969000" y="173735"/>
                </a:lnTo>
                <a:lnTo>
                  <a:pt x="6096000" y="188975"/>
                </a:lnTo>
                <a:close/>
              </a:path>
              <a:path w="11811000" h="513080">
                <a:moveTo>
                  <a:pt x="6096000" y="377951"/>
                </a:moveTo>
                <a:lnTo>
                  <a:pt x="6096000" y="297179"/>
                </a:lnTo>
                <a:lnTo>
                  <a:pt x="5969000" y="313181"/>
                </a:lnTo>
                <a:lnTo>
                  <a:pt x="5969000" y="386333"/>
                </a:lnTo>
                <a:lnTo>
                  <a:pt x="6096000" y="377951"/>
                </a:lnTo>
                <a:close/>
              </a:path>
              <a:path w="11811000" h="513080">
                <a:moveTo>
                  <a:pt x="6096000" y="494537"/>
                </a:moveTo>
                <a:lnTo>
                  <a:pt x="6096000" y="470915"/>
                </a:lnTo>
                <a:lnTo>
                  <a:pt x="5969000" y="461771"/>
                </a:lnTo>
                <a:lnTo>
                  <a:pt x="5969000" y="486155"/>
                </a:lnTo>
                <a:lnTo>
                  <a:pt x="6096000" y="494537"/>
                </a:lnTo>
                <a:close/>
              </a:path>
              <a:path w="11811000" h="513080">
                <a:moveTo>
                  <a:pt x="6223000" y="182117"/>
                </a:moveTo>
                <a:lnTo>
                  <a:pt x="6223000" y="124967"/>
                </a:lnTo>
                <a:lnTo>
                  <a:pt x="6096000" y="122681"/>
                </a:lnTo>
                <a:lnTo>
                  <a:pt x="6096000" y="185165"/>
                </a:lnTo>
                <a:lnTo>
                  <a:pt x="6223000" y="182117"/>
                </a:lnTo>
                <a:close/>
              </a:path>
              <a:path w="11811000" h="513080">
                <a:moveTo>
                  <a:pt x="6223000" y="368045"/>
                </a:moveTo>
                <a:lnTo>
                  <a:pt x="6223000" y="343661"/>
                </a:lnTo>
                <a:lnTo>
                  <a:pt x="6096000" y="345947"/>
                </a:lnTo>
                <a:lnTo>
                  <a:pt x="6096000" y="368807"/>
                </a:lnTo>
                <a:lnTo>
                  <a:pt x="6223000" y="368045"/>
                </a:lnTo>
                <a:close/>
              </a:path>
              <a:path w="11811000" h="513080">
                <a:moveTo>
                  <a:pt x="6223000" y="500633"/>
                </a:moveTo>
                <a:lnTo>
                  <a:pt x="6223000" y="483869"/>
                </a:lnTo>
                <a:lnTo>
                  <a:pt x="6096000" y="483107"/>
                </a:lnTo>
                <a:lnTo>
                  <a:pt x="6096000" y="499109"/>
                </a:lnTo>
                <a:lnTo>
                  <a:pt x="6223000" y="500633"/>
                </a:lnTo>
                <a:close/>
              </a:path>
              <a:path w="11811000" h="513080">
                <a:moveTo>
                  <a:pt x="6350000" y="164591"/>
                </a:moveTo>
                <a:lnTo>
                  <a:pt x="6350000" y="116585"/>
                </a:lnTo>
                <a:lnTo>
                  <a:pt x="6223000" y="134873"/>
                </a:lnTo>
                <a:lnTo>
                  <a:pt x="6223000" y="175259"/>
                </a:lnTo>
                <a:lnTo>
                  <a:pt x="6350000" y="164591"/>
                </a:lnTo>
                <a:close/>
              </a:path>
              <a:path w="11811000" h="513080">
                <a:moveTo>
                  <a:pt x="6350000" y="372617"/>
                </a:moveTo>
                <a:lnTo>
                  <a:pt x="6350000" y="354329"/>
                </a:lnTo>
                <a:lnTo>
                  <a:pt x="6223000" y="355853"/>
                </a:lnTo>
                <a:lnTo>
                  <a:pt x="6223000" y="372770"/>
                </a:lnTo>
                <a:lnTo>
                  <a:pt x="6350000" y="372617"/>
                </a:lnTo>
                <a:close/>
              </a:path>
              <a:path w="11811000" h="513080">
                <a:moveTo>
                  <a:pt x="6350000" y="512825"/>
                </a:moveTo>
                <a:lnTo>
                  <a:pt x="6350000" y="493775"/>
                </a:lnTo>
                <a:lnTo>
                  <a:pt x="6223000" y="491489"/>
                </a:lnTo>
                <a:lnTo>
                  <a:pt x="6223000" y="509015"/>
                </a:lnTo>
                <a:lnTo>
                  <a:pt x="6350000" y="512825"/>
                </a:lnTo>
                <a:close/>
              </a:path>
              <a:path w="11811000" h="513080">
                <a:moveTo>
                  <a:pt x="6477000" y="182879"/>
                </a:moveTo>
                <a:lnTo>
                  <a:pt x="6477000" y="144779"/>
                </a:lnTo>
                <a:lnTo>
                  <a:pt x="6350000" y="147827"/>
                </a:lnTo>
                <a:lnTo>
                  <a:pt x="6350000" y="184403"/>
                </a:lnTo>
                <a:lnTo>
                  <a:pt x="6477000" y="182879"/>
                </a:lnTo>
                <a:close/>
              </a:path>
              <a:path w="11811000" h="513080">
                <a:moveTo>
                  <a:pt x="6477000" y="383285"/>
                </a:moveTo>
                <a:lnTo>
                  <a:pt x="6477000" y="365330"/>
                </a:lnTo>
                <a:lnTo>
                  <a:pt x="6350000" y="362632"/>
                </a:lnTo>
                <a:lnTo>
                  <a:pt x="6350000" y="382280"/>
                </a:lnTo>
                <a:lnTo>
                  <a:pt x="6477000" y="383285"/>
                </a:lnTo>
                <a:close/>
              </a:path>
              <a:path w="11811000" h="513080">
                <a:moveTo>
                  <a:pt x="6477000" y="497585"/>
                </a:moveTo>
                <a:lnTo>
                  <a:pt x="6477000" y="478452"/>
                </a:lnTo>
                <a:lnTo>
                  <a:pt x="6350000" y="478749"/>
                </a:lnTo>
                <a:lnTo>
                  <a:pt x="6350000" y="496823"/>
                </a:lnTo>
                <a:lnTo>
                  <a:pt x="6477000" y="497585"/>
                </a:lnTo>
                <a:close/>
              </a:path>
              <a:path w="11811000" h="513080">
                <a:moveTo>
                  <a:pt x="6604000" y="154685"/>
                </a:moveTo>
                <a:lnTo>
                  <a:pt x="6604000" y="108203"/>
                </a:lnTo>
                <a:lnTo>
                  <a:pt x="6477000" y="105155"/>
                </a:lnTo>
                <a:lnTo>
                  <a:pt x="6477000" y="150113"/>
                </a:lnTo>
                <a:lnTo>
                  <a:pt x="6604000" y="154685"/>
                </a:lnTo>
                <a:close/>
              </a:path>
              <a:path w="11811000" h="513080">
                <a:moveTo>
                  <a:pt x="6604000" y="389381"/>
                </a:moveTo>
                <a:lnTo>
                  <a:pt x="6604000" y="360425"/>
                </a:lnTo>
                <a:lnTo>
                  <a:pt x="6477000" y="358139"/>
                </a:lnTo>
                <a:lnTo>
                  <a:pt x="6477000" y="382523"/>
                </a:lnTo>
                <a:lnTo>
                  <a:pt x="6604000" y="389381"/>
                </a:lnTo>
                <a:close/>
              </a:path>
              <a:path w="11811000" h="513080">
                <a:moveTo>
                  <a:pt x="6604000" y="491956"/>
                </a:moveTo>
                <a:lnTo>
                  <a:pt x="6604000" y="464819"/>
                </a:lnTo>
                <a:lnTo>
                  <a:pt x="6477000" y="473963"/>
                </a:lnTo>
                <a:lnTo>
                  <a:pt x="6477000" y="493761"/>
                </a:lnTo>
                <a:lnTo>
                  <a:pt x="6604000" y="491956"/>
                </a:lnTo>
                <a:close/>
              </a:path>
              <a:path w="11811000" h="513080">
                <a:moveTo>
                  <a:pt x="6731000" y="183641"/>
                </a:moveTo>
                <a:lnTo>
                  <a:pt x="6731000" y="157355"/>
                </a:lnTo>
                <a:lnTo>
                  <a:pt x="6604000" y="155559"/>
                </a:lnTo>
                <a:lnTo>
                  <a:pt x="6604000" y="180593"/>
                </a:lnTo>
                <a:lnTo>
                  <a:pt x="6731000" y="183641"/>
                </a:lnTo>
                <a:close/>
              </a:path>
              <a:path w="11811000" h="513080">
                <a:moveTo>
                  <a:pt x="6731000" y="401573"/>
                </a:moveTo>
                <a:lnTo>
                  <a:pt x="6731000" y="351281"/>
                </a:lnTo>
                <a:lnTo>
                  <a:pt x="6604000" y="352043"/>
                </a:lnTo>
                <a:lnTo>
                  <a:pt x="6604000" y="401573"/>
                </a:lnTo>
                <a:lnTo>
                  <a:pt x="6731000" y="401573"/>
                </a:lnTo>
                <a:close/>
              </a:path>
              <a:path w="11811000" h="513080">
                <a:moveTo>
                  <a:pt x="6731000" y="464819"/>
                </a:moveTo>
                <a:lnTo>
                  <a:pt x="6731000" y="437387"/>
                </a:lnTo>
                <a:lnTo>
                  <a:pt x="6604000" y="441197"/>
                </a:lnTo>
                <a:lnTo>
                  <a:pt x="6604000" y="466343"/>
                </a:lnTo>
                <a:lnTo>
                  <a:pt x="6731000" y="464819"/>
                </a:lnTo>
                <a:close/>
              </a:path>
              <a:path w="11811000" h="513080">
                <a:moveTo>
                  <a:pt x="6858000" y="144017"/>
                </a:moveTo>
                <a:lnTo>
                  <a:pt x="6858000" y="106679"/>
                </a:lnTo>
                <a:lnTo>
                  <a:pt x="6731000" y="108203"/>
                </a:lnTo>
                <a:lnTo>
                  <a:pt x="6731000" y="150113"/>
                </a:lnTo>
                <a:lnTo>
                  <a:pt x="6858000" y="144017"/>
                </a:lnTo>
                <a:close/>
              </a:path>
              <a:path w="11811000" h="513080">
                <a:moveTo>
                  <a:pt x="6858000" y="395477"/>
                </a:moveTo>
                <a:lnTo>
                  <a:pt x="6858000" y="359663"/>
                </a:lnTo>
                <a:lnTo>
                  <a:pt x="6731000" y="358139"/>
                </a:lnTo>
                <a:lnTo>
                  <a:pt x="6731000" y="391667"/>
                </a:lnTo>
                <a:lnTo>
                  <a:pt x="6858000" y="395477"/>
                </a:lnTo>
                <a:close/>
              </a:path>
              <a:path w="11811000" h="513080">
                <a:moveTo>
                  <a:pt x="6858000" y="467105"/>
                </a:moveTo>
                <a:lnTo>
                  <a:pt x="6858000" y="445769"/>
                </a:lnTo>
                <a:lnTo>
                  <a:pt x="6731000" y="450341"/>
                </a:lnTo>
                <a:lnTo>
                  <a:pt x="6731000" y="468629"/>
                </a:lnTo>
                <a:lnTo>
                  <a:pt x="6858000" y="467105"/>
                </a:lnTo>
                <a:close/>
              </a:path>
              <a:path w="11811000" h="513080">
                <a:moveTo>
                  <a:pt x="6985000" y="134873"/>
                </a:moveTo>
                <a:lnTo>
                  <a:pt x="6985000" y="103773"/>
                </a:lnTo>
                <a:lnTo>
                  <a:pt x="6858000" y="111494"/>
                </a:lnTo>
                <a:lnTo>
                  <a:pt x="6858000" y="146303"/>
                </a:lnTo>
                <a:lnTo>
                  <a:pt x="6985000" y="134873"/>
                </a:lnTo>
                <a:close/>
              </a:path>
              <a:path w="11811000" h="513080">
                <a:moveTo>
                  <a:pt x="6985000" y="454151"/>
                </a:moveTo>
                <a:lnTo>
                  <a:pt x="6985000" y="351281"/>
                </a:lnTo>
                <a:lnTo>
                  <a:pt x="6858000" y="355853"/>
                </a:lnTo>
                <a:lnTo>
                  <a:pt x="6858000" y="454913"/>
                </a:lnTo>
                <a:lnTo>
                  <a:pt x="6985000" y="454151"/>
                </a:lnTo>
                <a:close/>
              </a:path>
              <a:path w="11811000" h="513080">
                <a:moveTo>
                  <a:pt x="7112000" y="156209"/>
                </a:moveTo>
                <a:lnTo>
                  <a:pt x="7112000" y="130301"/>
                </a:lnTo>
                <a:lnTo>
                  <a:pt x="6985000" y="113959"/>
                </a:lnTo>
                <a:lnTo>
                  <a:pt x="6985000" y="152399"/>
                </a:lnTo>
                <a:lnTo>
                  <a:pt x="7112000" y="156209"/>
                </a:lnTo>
                <a:close/>
              </a:path>
              <a:path w="11811000" h="513080">
                <a:moveTo>
                  <a:pt x="7239000" y="129539"/>
                </a:moveTo>
                <a:lnTo>
                  <a:pt x="7239000" y="90677"/>
                </a:lnTo>
                <a:lnTo>
                  <a:pt x="7112000" y="90677"/>
                </a:lnTo>
                <a:lnTo>
                  <a:pt x="7112000" y="130301"/>
                </a:lnTo>
                <a:lnTo>
                  <a:pt x="7239000" y="129539"/>
                </a:lnTo>
                <a:close/>
              </a:path>
              <a:path w="11811000" h="513080">
                <a:moveTo>
                  <a:pt x="7239000" y="400811"/>
                </a:moveTo>
                <a:lnTo>
                  <a:pt x="7239000" y="370364"/>
                </a:lnTo>
                <a:lnTo>
                  <a:pt x="7112000" y="373241"/>
                </a:lnTo>
                <a:lnTo>
                  <a:pt x="7112000" y="404621"/>
                </a:lnTo>
                <a:lnTo>
                  <a:pt x="7239000" y="400811"/>
                </a:lnTo>
                <a:close/>
              </a:path>
              <a:path w="11811000" h="513080">
                <a:moveTo>
                  <a:pt x="7239000" y="475840"/>
                </a:moveTo>
                <a:lnTo>
                  <a:pt x="7239000" y="452627"/>
                </a:lnTo>
                <a:lnTo>
                  <a:pt x="7112000" y="445007"/>
                </a:lnTo>
                <a:lnTo>
                  <a:pt x="7112000" y="474576"/>
                </a:lnTo>
                <a:lnTo>
                  <a:pt x="7239000" y="475840"/>
                </a:lnTo>
                <a:close/>
              </a:path>
              <a:path w="11811000" h="513080">
                <a:moveTo>
                  <a:pt x="7366000" y="166877"/>
                </a:moveTo>
                <a:lnTo>
                  <a:pt x="7366000" y="131063"/>
                </a:lnTo>
                <a:lnTo>
                  <a:pt x="7239000" y="122681"/>
                </a:lnTo>
                <a:lnTo>
                  <a:pt x="7239000" y="162305"/>
                </a:lnTo>
                <a:lnTo>
                  <a:pt x="7366000" y="166877"/>
                </a:lnTo>
                <a:close/>
              </a:path>
              <a:path w="11811000" h="513080">
                <a:moveTo>
                  <a:pt x="7366000" y="465413"/>
                </a:moveTo>
                <a:lnTo>
                  <a:pt x="7366000" y="385736"/>
                </a:lnTo>
                <a:lnTo>
                  <a:pt x="7239000" y="386188"/>
                </a:lnTo>
                <a:lnTo>
                  <a:pt x="7239000" y="464328"/>
                </a:lnTo>
                <a:lnTo>
                  <a:pt x="7366000" y="465413"/>
                </a:lnTo>
                <a:close/>
              </a:path>
              <a:path w="11811000" h="513080">
                <a:moveTo>
                  <a:pt x="7493000" y="154685"/>
                </a:moveTo>
                <a:lnTo>
                  <a:pt x="7493000" y="118871"/>
                </a:lnTo>
                <a:lnTo>
                  <a:pt x="7366000" y="121919"/>
                </a:lnTo>
                <a:lnTo>
                  <a:pt x="7366000" y="155447"/>
                </a:lnTo>
                <a:lnTo>
                  <a:pt x="7493000" y="154685"/>
                </a:lnTo>
                <a:close/>
              </a:path>
              <a:path w="11811000" h="513080">
                <a:moveTo>
                  <a:pt x="7493000" y="468629"/>
                </a:moveTo>
                <a:lnTo>
                  <a:pt x="7493000" y="380999"/>
                </a:lnTo>
                <a:lnTo>
                  <a:pt x="7366000" y="383285"/>
                </a:lnTo>
                <a:lnTo>
                  <a:pt x="7366000" y="464057"/>
                </a:lnTo>
                <a:lnTo>
                  <a:pt x="7493000" y="468629"/>
                </a:lnTo>
                <a:close/>
              </a:path>
              <a:path w="11811000" h="513080">
                <a:moveTo>
                  <a:pt x="7620000" y="178307"/>
                </a:moveTo>
                <a:lnTo>
                  <a:pt x="7620000" y="142493"/>
                </a:lnTo>
                <a:lnTo>
                  <a:pt x="7493000" y="141731"/>
                </a:lnTo>
                <a:lnTo>
                  <a:pt x="7493000" y="182879"/>
                </a:lnTo>
                <a:lnTo>
                  <a:pt x="7620000" y="178307"/>
                </a:lnTo>
                <a:close/>
              </a:path>
              <a:path w="11811000" h="513080">
                <a:moveTo>
                  <a:pt x="7620000" y="397763"/>
                </a:moveTo>
                <a:lnTo>
                  <a:pt x="7620000" y="364235"/>
                </a:lnTo>
                <a:lnTo>
                  <a:pt x="7493000" y="364997"/>
                </a:lnTo>
                <a:lnTo>
                  <a:pt x="7493000" y="397763"/>
                </a:lnTo>
                <a:lnTo>
                  <a:pt x="7620000" y="397763"/>
                </a:lnTo>
                <a:close/>
              </a:path>
              <a:path w="11811000" h="513080">
                <a:moveTo>
                  <a:pt x="7620000" y="478535"/>
                </a:moveTo>
                <a:lnTo>
                  <a:pt x="7620000" y="458723"/>
                </a:lnTo>
                <a:lnTo>
                  <a:pt x="7493000" y="457199"/>
                </a:lnTo>
                <a:lnTo>
                  <a:pt x="7493000" y="481833"/>
                </a:lnTo>
                <a:lnTo>
                  <a:pt x="7620000" y="478535"/>
                </a:lnTo>
                <a:close/>
              </a:path>
              <a:path w="11811000" h="513080">
                <a:moveTo>
                  <a:pt x="7747000" y="204977"/>
                </a:moveTo>
                <a:lnTo>
                  <a:pt x="7747000" y="157733"/>
                </a:lnTo>
                <a:lnTo>
                  <a:pt x="7620000" y="153923"/>
                </a:lnTo>
                <a:lnTo>
                  <a:pt x="7620000" y="211073"/>
                </a:lnTo>
                <a:lnTo>
                  <a:pt x="7747000" y="204977"/>
                </a:lnTo>
                <a:close/>
              </a:path>
              <a:path w="11811000" h="513080">
                <a:moveTo>
                  <a:pt x="7747000" y="445769"/>
                </a:moveTo>
                <a:lnTo>
                  <a:pt x="7747000" y="411611"/>
                </a:lnTo>
                <a:lnTo>
                  <a:pt x="7620000" y="432053"/>
                </a:lnTo>
                <a:lnTo>
                  <a:pt x="7747000" y="445769"/>
                </a:lnTo>
                <a:close/>
              </a:path>
              <a:path w="11811000" h="513080">
                <a:moveTo>
                  <a:pt x="7874000" y="188975"/>
                </a:moveTo>
                <a:lnTo>
                  <a:pt x="7874000" y="134873"/>
                </a:lnTo>
                <a:lnTo>
                  <a:pt x="7747000" y="109727"/>
                </a:lnTo>
                <a:lnTo>
                  <a:pt x="7747000" y="182879"/>
                </a:lnTo>
                <a:lnTo>
                  <a:pt x="7874000" y="188975"/>
                </a:lnTo>
                <a:close/>
              </a:path>
              <a:path w="11811000" h="513080">
                <a:moveTo>
                  <a:pt x="8001000" y="134873"/>
                </a:moveTo>
                <a:lnTo>
                  <a:pt x="8001000" y="88391"/>
                </a:lnTo>
                <a:lnTo>
                  <a:pt x="7874000" y="100583"/>
                </a:lnTo>
                <a:lnTo>
                  <a:pt x="7874000" y="153923"/>
                </a:lnTo>
                <a:lnTo>
                  <a:pt x="8001000" y="134873"/>
                </a:lnTo>
                <a:close/>
              </a:path>
              <a:path w="11811000" h="513080">
                <a:moveTo>
                  <a:pt x="8128000" y="154685"/>
                </a:moveTo>
                <a:lnTo>
                  <a:pt x="8128000" y="95249"/>
                </a:lnTo>
                <a:lnTo>
                  <a:pt x="8001000" y="91439"/>
                </a:lnTo>
                <a:lnTo>
                  <a:pt x="8001000" y="137921"/>
                </a:lnTo>
                <a:lnTo>
                  <a:pt x="8128000" y="154685"/>
                </a:lnTo>
                <a:close/>
              </a:path>
              <a:path w="11811000" h="513080">
                <a:moveTo>
                  <a:pt x="8255000" y="92963"/>
                </a:moveTo>
                <a:lnTo>
                  <a:pt x="8255000" y="70103"/>
                </a:lnTo>
                <a:lnTo>
                  <a:pt x="8128000" y="76961"/>
                </a:lnTo>
                <a:lnTo>
                  <a:pt x="8128000" y="108203"/>
                </a:lnTo>
                <a:lnTo>
                  <a:pt x="8255000" y="92963"/>
                </a:lnTo>
                <a:close/>
              </a:path>
              <a:path w="11811000" h="513080">
                <a:moveTo>
                  <a:pt x="8382000" y="138683"/>
                </a:moveTo>
                <a:lnTo>
                  <a:pt x="8382000" y="96011"/>
                </a:lnTo>
                <a:lnTo>
                  <a:pt x="8255000" y="108203"/>
                </a:lnTo>
                <a:lnTo>
                  <a:pt x="8255000" y="145541"/>
                </a:lnTo>
                <a:lnTo>
                  <a:pt x="8382000" y="138683"/>
                </a:lnTo>
                <a:close/>
              </a:path>
              <a:path w="11811000" h="513080">
                <a:moveTo>
                  <a:pt x="8509000" y="89153"/>
                </a:moveTo>
                <a:lnTo>
                  <a:pt x="8509000" y="47243"/>
                </a:lnTo>
                <a:lnTo>
                  <a:pt x="8382000" y="48005"/>
                </a:lnTo>
                <a:lnTo>
                  <a:pt x="8382000" y="108203"/>
                </a:lnTo>
                <a:lnTo>
                  <a:pt x="8509000" y="89153"/>
                </a:lnTo>
                <a:close/>
              </a:path>
              <a:path w="11811000" h="513080">
                <a:moveTo>
                  <a:pt x="8636000" y="139445"/>
                </a:moveTo>
                <a:lnTo>
                  <a:pt x="8636000" y="0"/>
                </a:lnTo>
                <a:lnTo>
                  <a:pt x="8509000" y="0"/>
                </a:lnTo>
                <a:lnTo>
                  <a:pt x="8509000" y="137921"/>
                </a:lnTo>
                <a:lnTo>
                  <a:pt x="8636000" y="139445"/>
                </a:lnTo>
                <a:close/>
              </a:path>
              <a:path w="11811000" h="513080">
                <a:moveTo>
                  <a:pt x="8763000" y="432053"/>
                </a:moveTo>
                <a:lnTo>
                  <a:pt x="8763000" y="398525"/>
                </a:lnTo>
                <a:lnTo>
                  <a:pt x="8636000" y="397763"/>
                </a:lnTo>
                <a:lnTo>
                  <a:pt x="8636000" y="426719"/>
                </a:lnTo>
                <a:lnTo>
                  <a:pt x="8763000" y="432053"/>
                </a:lnTo>
                <a:close/>
              </a:path>
              <a:path w="11811000" h="513080">
                <a:moveTo>
                  <a:pt x="8763000" y="467105"/>
                </a:moveTo>
                <a:lnTo>
                  <a:pt x="8763000" y="432053"/>
                </a:lnTo>
                <a:lnTo>
                  <a:pt x="8636000" y="438149"/>
                </a:lnTo>
                <a:lnTo>
                  <a:pt x="8636000" y="468629"/>
                </a:lnTo>
                <a:lnTo>
                  <a:pt x="8763000" y="467105"/>
                </a:lnTo>
                <a:close/>
              </a:path>
              <a:path w="11811000" h="513080">
                <a:moveTo>
                  <a:pt x="9017000" y="59435"/>
                </a:moveTo>
                <a:lnTo>
                  <a:pt x="9017000" y="0"/>
                </a:lnTo>
                <a:lnTo>
                  <a:pt x="8763000" y="0"/>
                </a:lnTo>
                <a:lnTo>
                  <a:pt x="8763000" y="36575"/>
                </a:lnTo>
                <a:lnTo>
                  <a:pt x="8890000" y="38861"/>
                </a:lnTo>
                <a:lnTo>
                  <a:pt x="8890000" y="54101"/>
                </a:lnTo>
                <a:lnTo>
                  <a:pt x="9017000" y="59435"/>
                </a:lnTo>
                <a:close/>
              </a:path>
              <a:path w="11811000" h="513080">
                <a:moveTo>
                  <a:pt x="9144000" y="118109"/>
                </a:moveTo>
                <a:lnTo>
                  <a:pt x="9144000" y="54101"/>
                </a:lnTo>
                <a:lnTo>
                  <a:pt x="9017000" y="48767"/>
                </a:lnTo>
                <a:lnTo>
                  <a:pt x="9017000" y="108203"/>
                </a:lnTo>
                <a:lnTo>
                  <a:pt x="9144000" y="118109"/>
                </a:lnTo>
                <a:close/>
              </a:path>
              <a:path w="11811000" h="513080">
                <a:moveTo>
                  <a:pt x="9271000" y="99059"/>
                </a:moveTo>
                <a:lnTo>
                  <a:pt x="9271000" y="0"/>
                </a:lnTo>
                <a:lnTo>
                  <a:pt x="9144000" y="0"/>
                </a:lnTo>
                <a:lnTo>
                  <a:pt x="9144000" y="107441"/>
                </a:lnTo>
                <a:lnTo>
                  <a:pt x="9271000" y="99059"/>
                </a:lnTo>
                <a:close/>
              </a:path>
              <a:path w="11811000" h="513080">
                <a:moveTo>
                  <a:pt x="9398000" y="142503"/>
                </a:moveTo>
                <a:lnTo>
                  <a:pt x="9398000" y="81533"/>
                </a:lnTo>
                <a:lnTo>
                  <a:pt x="9271000" y="108203"/>
                </a:lnTo>
                <a:lnTo>
                  <a:pt x="9271000" y="144111"/>
                </a:lnTo>
                <a:lnTo>
                  <a:pt x="9398000" y="142503"/>
                </a:lnTo>
                <a:close/>
              </a:path>
              <a:path w="11811000" h="513080">
                <a:moveTo>
                  <a:pt x="9525000" y="227075"/>
                </a:moveTo>
                <a:lnTo>
                  <a:pt x="9525000" y="70865"/>
                </a:lnTo>
                <a:lnTo>
                  <a:pt x="9398000" y="70865"/>
                </a:lnTo>
                <a:lnTo>
                  <a:pt x="9398000" y="216407"/>
                </a:lnTo>
                <a:lnTo>
                  <a:pt x="9525000" y="227075"/>
                </a:lnTo>
                <a:close/>
              </a:path>
              <a:path w="11811000" h="513080">
                <a:moveTo>
                  <a:pt x="9652000" y="156434"/>
                </a:moveTo>
                <a:lnTo>
                  <a:pt x="9652000" y="108965"/>
                </a:lnTo>
                <a:lnTo>
                  <a:pt x="9525000" y="114299"/>
                </a:lnTo>
                <a:lnTo>
                  <a:pt x="9525000" y="155050"/>
                </a:lnTo>
                <a:lnTo>
                  <a:pt x="9652000" y="156434"/>
                </a:lnTo>
                <a:close/>
              </a:path>
              <a:path w="11811000" h="513080">
                <a:moveTo>
                  <a:pt x="9779000" y="142493"/>
                </a:moveTo>
                <a:lnTo>
                  <a:pt x="9779000" y="102107"/>
                </a:lnTo>
                <a:lnTo>
                  <a:pt x="9652000" y="104393"/>
                </a:lnTo>
                <a:lnTo>
                  <a:pt x="9652000" y="151637"/>
                </a:lnTo>
                <a:lnTo>
                  <a:pt x="9779000" y="142493"/>
                </a:lnTo>
                <a:close/>
              </a:path>
              <a:path w="11811000" h="513080">
                <a:moveTo>
                  <a:pt x="9906000" y="172211"/>
                </a:moveTo>
                <a:lnTo>
                  <a:pt x="9906000" y="136397"/>
                </a:lnTo>
                <a:lnTo>
                  <a:pt x="9779000" y="138683"/>
                </a:lnTo>
                <a:lnTo>
                  <a:pt x="9779000" y="168401"/>
                </a:lnTo>
                <a:lnTo>
                  <a:pt x="9906000" y="172211"/>
                </a:lnTo>
                <a:close/>
              </a:path>
              <a:path w="11811000" h="513080">
                <a:moveTo>
                  <a:pt x="10033000" y="171337"/>
                </a:moveTo>
                <a:lnTo>
                  <a:pt x="10033000" y="122681"/>
                </a:lnTo>
                <a:lnTo>
                  <a:pt x="9906000" y="123443"/>
                </a:lnTo>
                <a:lnTo>
                  <a:pt x="9906000" y="169218"/>
                </a:lnTo>
                <a:lnTo>
                  <a:pt x="10033000" y="171337"/>
                </a:lnTo>
                <a:close/>
              </a:path>
              <a:path w="11811000" h="513080">
                <a:moveTo>
                  <a:pt x="10160000" y="150875"/>
                </a:moveTo>
                <a:lnTo>
                  <a:pt x="10160000" y="122681"/>
                </a:lnTo>
                <a:lnTo>
                  <a:pt x="10033000" y="115061"/>
                </a:lnTo>
                <a:lnTo>
                  <a:pt x="10033000" y="149351"/>
                </a:lnTo>
                <a:lnTo>
                  <a:pt x="10160000" y="150875"/>
                </a:lnTo>
                <a:close/>
              </a:path>
              <a:path w="11811000" h="513080">
                <a:moveTo>
                  <a:pt x="10287000" y="155447"/>
                </a:moveTo>
                <a:lnTo>
                  <a:pt x="10287000" y="129539"/>
                </a:lnTo>
                <a:lnTo>
                  <a:pt x="10160000" y="109727"/>
                </a:lnTo>
                <a:lnTo>
                  <a:pt x="10160000" y="148589"/>
                </a:lnTo>
                <a:lnTo>
                  <a:pt x="10287000" y="155447"/>
                </a:lnTo>
                <a:close/>
              </a:path>
              <a:path w="11811000" h="513080">
                <a:moveTo>
                  <a:pt x="10414000" y="151637"/>
                </a:moveTo>
                <a:lnTo>
                  <a:pt x="10414000" y="117347"/>
                </a:lnTo>
                <a:lnTo>
                  <a:pt x="10287000" y="108965"/>
                </a:lnTo>
                <a:lnTo>
                  <a:pt x="10287000" y="153923"/>
                </a:lnTo>
                <a:lnTo>
                  <a:pt x="10414000" y="151637"/>
                </a:lnTo>
                <a:close/>
              </a:path>
              <a:path w="11811000" h="513080">
                <a:moveTo>
                  <a:pt x="10541000" y="139445"/>
                </a:moveTo>
                <a:lnTo>
                  <a:pt x="10541000" y="108965"/>
                </a:lnTo>
                <a:lnTo>
                  <a:pt x="10414000" y="119633"/>
                </a:lnTo>
                <a:lnTo>
                  <a:pt x="10414000" y="144017"/>
                </a:lnTo>
                <a:lnTo>
                  <a:pt x="10541000" y="139445"/>
                </a:lnTo>
                <a:close/>
              </a:path>
              <a:path w="11811000" h="513080">
                <a:moveTo>
                  <a:pt x="10668000" y="141926"/>
                </a:moveTo>
                <a:lnTo>
                  <a:pt x="10668000" y="109727"/>
                </a:lnTo>
                <a:lnTo>
                  <a:pt x="10541000" y="115823"/>
                </a:lnTo>
                <a:lnTo>
                  <a:pt x="10541000" y="144607"/>
                </a:lnTo>
                <a:lnTo>
                  <a:pt x="10668000" y="141926"/>
                </a:lnTo>
                <a:close/>
              </a:path>
              <a:path w="11811000" h="513080">
                <a:moveTo>
                  <a:pt x="10795000" y="130301"/>
                </a:moveTo>
                <a:lnTo>
                  <a:pt x="10795000" y="0"/>
                </a:lnTo>
                <a:lnTo>
                  <a:pt x="10668000" y="0"/>
                </a:lnTo>
                <a:lnTo>
                  <a:pt x="10668000" y="111251"/>
                </a:lnTo>
                <a:lnTo>
                  <a:pt x="10795000" y="130301"/>
                </a:lnTo>
                <a:close/>
              </a:path>
              <a:path w="11811000" h="513080">
                <a:moveTo>
                  <a:pt x="10922000" y="169925"/>
                </a:moveTo>
                <a:lnTo>
                  <a:pt x="10922000" y="41147"/>
                </a:lnTo>
                <a:lnTo>
                  <a:pt x="10795000" y="49529"/>
                </a:lnTo>
                <a:lnTo>
                  <a:pt x="10795000" y="169163"/>
                </a:lnTo>
                <a:lnTo>
                  <a:pt x="10922000" y="169925"/>
                </a:lnTo>
                <a:close/>
              </a:path>
              <a:path w="11811000" h="513080">
                <a:moveTo>
                  <a:pt x="11049000" y="57911"/>
                </a:moveTo>
                <a:lnTo>
                  <a:pt x="11049000" y="20573"/>
                </a:lnTo>
                <a:lnTo>
                  <a:pt x="10922000" y="0"/>
                </a:lnTo>
                <a:lnTo>
                  <a:pt x="10922000" y="60959"/>
                </a:lnTo>
                <a:lnTo>
                  <a:pt x="11049000" y="57911"/>
                </a:lnTo>
                <a:close/>
              </a:path>
              <a:path w="11811000" h="513080">
                <a:moveTo>
                  <a:pt x="11049000" y="215645"/>
                </a:moveTo>
                <a:lnTo>
                  <a:pt x="11049000" y="158495"/>
                </a:lnTo>
                <a:lnTo>
                  <a:pt x="10922000" y="150875"/>
                </a:lnTo>
                <a:lnTo>
                  <a:pt x="10922000" y="195071"/>
                </a:lnTo>
                <a:lnTo>
                  <a:pt x="11049000" y="215645"/>
                </a:lnTo>
                <a:close/>
              </a:path>
              <a:path w="11811000" h="513080">
                <a:moveTo>
                  <a:pt x="11176000" y="27431"/>
                </a:moveTo>
                <a:lnTo>
                  <a:pt x="11176000" y="0"/>
                </a:lnTo>
                <a:lnTo>
                  <a:pt x="11049000" y="0"/>
                </a:lnTo>
                <a:lnTo>
                  <a:pt x="11049000" y="35051"/>
                </a:lnTo>
                <a:lnTo>
                  <a:pt x="11176000" y="27431"/>
                </a:lnTo>
                <a:close/>
              </a:path>
              <a:path w="11811000" h="513080">
                <a:moveTo>
                  <a:pt x="11176000" y="237743"/>
                </a:moveTo>
                <a:lnTo>
                  <a:pt x="11176000" y="168401"/>
                </a:lnTo>
                <a:lnTo>
                  <a:pt x="11049000" y="165353"/>
                </a:lnTo>
                <a:lnTo>
                  <a:pt x="11049000" y="216407"/>
                </a:lnTo>
                <a:lnTo>
                  <a:pt x="11176000" y="237743"/>
                </a:lnTo>
                <a:close/>
              </a:path>
              <a:path w="11811000" h="513080">
                <a:moveTo>
                  <a:pt x="11303000" y="239267"/>
                </a:moveTo>
                <a:lnTo>
                  <a:pt x="11303000" y="185927"/>
                </a:lnTo>
                <a:lnTo>
                  <a:pt x="11176000" y="178307"/>
                </a:lnTo>
                <a:lnTo>
                  <a:pt x="11176000" y="216407"/>
                </a:lnTo>
                <a:lnTo>
                  <a:pt x="11303000" y="239267"/>
                </a:lnTo>
                <a:close/>
              </a:path>
              <a:path w="11811000" h="513080">
                <a:moveTo>
                  <a:pt x="11430000" y="241553"/>
                </a:moveTo>
                <a:lnTo>
                  <a:pt x="11430000" y="185927"/>
                </a:lnTo>
                <a:lnTo>
                  <a:pt x="11303000" y="178307"/>
                </a:lnTo>
                <a:lnTo>
                  <a:pt x="11303000" y="216407"/>
                </a:lnTo>
                <a:lnTo>
                  <a:pt x="11430000" y="241553"/>
                </a:lnTo>
                <a:close/>
              </a:path>
              <a:path w="11811000" h="513080">
                <a:moveTo>
                  <a:pt x="11557000" y="184403"/>
                </a:moveTo>
                <a:lnTo>
                  <a:pt x="11557000" y="162305"/>
                </a:lnTo>
                <a:lnTo>
                  <a:pt x="11430000" y="163829"/>
                </a:lnTo>
                <a:lnTo>
                  <a:pt x="11430000" y="188975"/>
                </a:lnTo>
                <a:lnTo>
                  <a:pt x="11557000" y="184403"/>
                </a:lnTo>
                <a:close/>
              </a:path>
              <a:path w="11811000" h="513080">
                <a:moveTo>
                  <a:pt x="11684000" y="174521"/>
                </a:moveTo>
                <a:lnTo>
                  <a:pt x="11684000" y="145541"/>
                </a:lnTo>
                <a:lnTo>
                  <a:pt x="11557000" y="142493"/>
                </a:lnTo>
                <a:lnTo>
                  <a:pt x="11557000" y="172973"/>
                </a:lnTo>
                <a:lnTo>
                  <a:pt x="11684000" y="174521"/>
                </a:lnTo>
                <a:close/>
              </a:path>
              <a:path w="11811000" h="513080">
                <a:moveTo>
                  <a:pt x="11811000" y="1523"/>
                </a:moveTo>
                <a:lnTo>
                  <a:pt x="11811000" y="0"/>
                </a:lnTo>
                <a:lnTo>
                  <a:pt x="11684000" y="0"/>
                </a:lnTo>
                <a:lnTo>
                  <a:pt x="11684000" y="10667"/>
                </a:lnTo>
                <a:lnTo>
                  <a:pt x="11811000" y="1523"/>
                </a:lnTo>
                <a:close/>
              </a:path>
              <a:path w="11811000" h="513080">
                <a:moveTo>
                  <a:pt x="11811000" y="147065"/>
                </a:moveTo>
                <a:lnTo>
                  <a:pt x="11811000" y="108203"/>
                </a:lnTo>
                <a:lnTo>
                  <a:pt x="11684000" y="118109"/>
                </a:lnTo>
                <a:lnTo>
                  <a:pt x="11684000" y="150875"/>
                </a:lnTo>
                <a:lnTo>
                  <a:pt x="11811000" y="147065"/>
                </a:lnTo>
                <a:close/>
              </a:path>
            </a:pathLst>
          </a:custGeom>
          <a:solidFill>
            <a:srgbClr val="FFB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3" name="object 173"/>
          <p:cNvSpPr/>
          <p:nvPr/>
        </p:nvSpPr>
        <p:spPr>
          <a:xfrm>
            <a:off x="645459" y="2186043"/>
            <a:ext cx="7844118" cy="190500"/>
          </a:xfrm>
          <a:custGeom>
            <a:avLst/>
            <a:gdLst/>
            <a:ahLst/>
            <a:cxnLst/>
            <a:rect l="l" t="t" r="r" b="b"/>
            <a:pathLst>
              <a:path w="13335000" h="323850">
                <a:moveTo>
                  <a:pt x="127000" y="121920"/>
                </a:moveTo>
                <a:lnTo>
                  <a:pt x="127000" y="68580"/>
                </a:lnTo>
                <a:lnTo>
                  <a:pt x="0" y="64008"/>
                </a:lnTo>
                <a:lnTo>
                  <a:pt x="0" y="126492"/>
                </a:lnTo>
                <a:lnTo>
                  <a:pt x="127000" y="121920"/>
                </a:lnTo>
                <a:close/>
              </a:path>
              <a:path w="13335000" h="323850">
                <a:moveTo>
                  <a:pt x="3429000" y="23622"/>
                </a:moveTo>
                <a:lnTo>
                  <a:pt x="3429000" y="0"/>
                </a:lnTo>
                <a:lnTo>
                  <a:pt x="3302000" y="0"/>
                </a:lnTo>
                <a:lnTo>
                  <a:pt x="3302000" y="14478"/>
                </a:lnTo>
                <a:lnTo>
                  <a:pt x="3429000" y="23622"/>
                </a:lnTo>
                <a:close/>
              </a:path>
              <a:path w="13335000" h="323850">
                <a:moveTo>
                  <a:pt x="3556000" y="126492"/>
                </a:moveTo>
                <a:lnTo>
                  <a:pt x="3556000" y="55626"/>
                </a:lnTo>
                <a:lnTo>
                  <a:pt x="3429000" y="70104"/>
                </a:lnTo>
                <a:lnTo>
                  <a:pt x="3429000" y="112776"/>
                </a:lnTo>
                <a:lnTo>
                  <a:pt x="3556000" y="126492"/>
                </a:lnTo>
                <a:close/>
              </a:path>
              <a:path w="13335000" h="323850">
                <a:moveTo>
                  <a:pt x="3810000" y="134874"/>
                </a:moveTo>
                <a:lnTo>
                  <a:pt x="3810000" y="0"/>
                </a:lnTo>
                <a:lnTo>
                  <a:pt x="3683000" y="0"/>
                </a:lnTo>
                <a:lnTo>
                  <a:pt x="3683000" y="122682"/>
                </a:lnTo>
                <a:lnTo>
                  <a:pt x="3810000" y="134874"/>
                </a:lnTo>
                <a:close/>
              </a:path>
              <a:path w="13335000" h="323850">
                <a:moveTo>
                  <a:pt x="5080000" y="323850"/>
                </a:moveTo>
                <a:lnTo>
                  <a:pt x="5080000" y="203454"/>
                </a:lnTo>
                <a:lnTo>
                  <a:pt x="4953000" y="201930"/>
                </a:lnTo>
                <a:lnTo>
                  <a:pt x="4953000" y="201168"/>
                </a:lnTo>
                <a:lnTo>
                  <a:pt x="4826000" y="216408"/>
                </a:lnTo>
                <a:lnTo>
                  <a:pt x="4825999" y="323850"/>
                </a:lnTo>
                <a:lnTo>
                  <a:pt x="5080000" y="323850"/>
                </a:lnTo>
                <a:close/>
              </a:path>
              <a:path w="13335000" h="323850">
                <a:moveTo>
                  <a:pt x="6096000" y="12954"/>
                </a:moveTo>
                <a:lnTo>
                  <a:pt x="6096000" y="0"/>
                </a:lnTo>
                <a:lnTo>
                  <a:pt x="5969000" y="0"/>
                </a:lnTo>
                <a:lnTo>
                  <a:pt x="5969000" y="19812"/>
                </a:lnTo>
                <a:lnTo>
                  <a:pt x="6096000" y="12954"/>
                </a:lnTo>
                <a:close/>
              </a:path>
              <a:path w="13335000" h="323850">
                <a:moveTo>
                  <a:pt x="6476999" y="323850"/>
                </a:moveTo>
                <a:lnTo>
                  <a:pt x="6477000" y="0"/>
                </a:lnTo>
                <a:lnTo>
                  <a:pt x="6223000" y="0"/>
                </a:lnTo>
                <a:lnTo>
                  <a:pt x="6223000" y="108204"/>
                </a:lnTo>
                <a:lnTo>
                  <a:pt x="6350000" y="80772"/>
                </a:lnTo>
                <a:lnTo>
                  <a:pt x="6350000" y="323850"/>
                </a:lnTo>
                <a:lnTo>
                  <a:pt x="6476999" y="323850"/>
                </a:lnTo>
                <a:close/>
              </a:path>
              <a:path w="13335000" h="323850">
                <a:moveTo>
                  <a:pt x="6350000" y="323850"/>
                </a:moveTo>
                <a:lnTo>
                  <a:pt x="6350000" y="134874"/>
                </a:lnTo>
                <a:lnTo>
                  <a:pt x="6223000" y="108204"/>
                </a:lnTo>
                <a:lnTo>
                  <a:pt x="6223000" y="323850"/>
                </a:lnTo>
                <a:lnTo>
                  <a:pt x="6350000" y="323850"/>
                </a:lnTo>
                <a:close/>
              </a:path>
              <a:path w="13335000" h="323850">
                <a:moveTo>
                  <a:pt x="6604000" y="89153"/>
                </a:moveTo>
                <a:lnTo>
                  <a:pt x="6604000" y="49529"/>
                </a:lnTo>
                <a:lnTo>
                  <a:pt x="6477000" y="46481"/>
                </a:lnTo>
                <a:lnTo>
                  <a:pt x="6477000" y="87630"/>
                </a:lnTo>
                <a:lnTo>
                  <a:pt x="6604000" y="89153"/>
                </a:lnTo>
                <a:close/>
              </a:path>
              <a:path w="13335000" h="323850">
                <a:moveTo>
                  <a:pt x="6604000" y="176783"/>
                </a:moveTo>
                <a:lnTo>
                  <a:pt x="6604000" y="134873"/>
                </a:lnTo>
                <a:lnTo>
                  <a:pt x="6477000" y="134874"/>
                </a:lnTo>
                <a:lnTo>
                  <a:pt x="6477000" y="172974"/>
                </a:lnTo>
                <a:lnTo>
                  <a:pt x="6604000" y="176783"/>
                </a:lnTo>
                <a:close/>
              </a:path>
              <a:path w="13335000" h="323850">
                <a:moveTo>
                  <a:pt x="6858000" y="27431"/>
                </a:moveTo>
                <a:lnTo>
                  <a:pt x="6858000" y="0"/>
                </a:lnTo>
                <a:lnTo>
                  <a:pt x="6731000" y="0"/>
                </a:lnTo>
                <a:lnTo>
                  <a:pt x="6604000" y="27431"/>
                </a:lnTo>
                <a:lnTo>
                  <a:pt x="6603999" y="323850"/>
                </a:lnTo>
                <a:lnTo>
                  <a:pt x="6731000" y="323849"/>
                </a:lnTo>
                <a:lnTo>
                  <a:pt x="6731000" y="41147"/>
                </a:lnTo>
                <a:lnTo>
                  <a:pt x="6858000" y="27431"/>
                </a:lnTo>
                <a:close/>
              </a:path>
              <a:path w="13335000" h="323850">
                <a:moveTo>
                  <a:pt x="7366000" y="323849"/>
                </a:moveTo>
                <a:lnTo>
                  <a:pt x="7366000" y="191451"/>
                </a:lnTo>
                <a:lnTo>
                  <a:pt x="7239000" y="203369"/>
                </a:lnTo>
                <a:lnTo>
                  <a:pt x="7239000" y="285897"/>
                </a:lnTo>
                <a:lnTo>
                  <a:pt x="7366000" y="323849"/>
                </a:lnTo>
                <a:close/>
              </a:path>
              <a:path w="13335000" h="323850">
                <a:moveTo>
                  <a:pt x="7747000" y="190499"/>
                </a:moveTo>
                <a:lnTo>
                  <a:pt x="7747000" y="176783"/>
                </a:lnTo>
                <a:lnTo>
                  <a:pt x="7620000" y="175259"/>
                </a:lnTo>
                <a:lnTo>
                  <a:pt x="7620000" y="170687"/>
                </a:lnTo>
                <a:lnTo>
                  <a:pt x="7493000" y="162305"/>
                </a:lnTo>
                <a:lnTo>
                  <a:pt x="7493000" y="188213"/>
                </a:lnTo>
                <a:lnTo>
                  <a:pt x="7620000" y="188975"/>
                </a:lnTo>
                <a:lnTo>
                  <a:pt x="7747000" y="190499"/>
                </a:lnTo>
                <a:close/>
              </a:path>
              <a:path w="13335000" h="323850">
                <a:moveTo>
                  <a:pt x="7747000" y="19811"/>
                </a:moveTo>
                <a:lnTo>
                  <a:pt x="7747000" y="0"/>
                </a:lnTo>
                <a:lnTo>
                  <a:pt x="7620000" y="0"/>
                </a:lnTo>
                <a:lnTo>
                  <a:pt x="7620000" y="22097"/>
                </a:lnTo>
                <a:lnTo>
                  <a:pt x="7747000" y="19811"/>
                </a:lnTo>
                <a:close/>
              </a:path>
              <a:path w="13335000" h="323850">
                <a:moveTo>
                  <a:pt x="7874000" y="30479"/>
                </a:moveTo>
                <a:lnTo>
                  <a:pt x="7874000" y="10667"/>
                </a:lnTo>
                <a:lnTo>
                  <a:pt x="7747000" y="12953"/>
                </a:lnTo>
                <a:lnTo>
                  <a:pt x="7747000" y="32003"/>
                </a:lnTo>
                <a:lnTo>
                  <a:pt x="7874000" y="30479"/>
                </a:lnTo>
                <a:close/>
              </a:path>
              <a:path w="13335000" h="323850">
                <a:moveTo>
                  <a:pt x="7874000" y="216407"/>
                </a:moveTo>
                <a:lnTo>
                  <a:pt x="7874000" y="188975"/>
                </a:lnTo>
                <a:lnTo>
                  <a:pt x="7747000" y="185165"/>
                </a:lnTo>
                <a:lnTo>
                  <a:pt x="7747000" y="204977"/>
                </a:lnTo>
                <a:lnTo>
                  <a:pt x="7874000" y="216407"/>
                </a:lnTo>
                <a:close/>
              </a:path>
              <a:path w="13335000" h="323850">
                <a:moveTo>
                  <a:pt x="8001000" y="41480"/>
                </a:moveTo>
                <a:lnTo>
                  <a:pt x="8001000" y="21335"/>
                </a:lnTo>
                <a:lnTo>
                  <a:pt x="7874000" y="15239"/>
                </a:lnTo>
                <a:lnTo>
                  <a:pt x="7874000" y="38782"/>
                </a:lnTo>
                <a:lnTo>
                  <a:pt x="8001000" y="41480"/>
                </a:lnTo>
                <a:close/>
              </a:path>
              <a:path w="13335000" h="323850">
                <a:moveTo>
                  <a:pt x="8001000" y="188975"/>
                </a:moveTo>
                <a:lnTo>
                  <a:pt x="8001000" y="173735"/>
                </a:lnTo>
                <a:lnTo>
                  <a:pt x="7874000" y="172973"/>
                </a:lnTo>
                <a:lnTo>
                  <a:pt x="7874000" y="187451"/>
                </a:lnTo>
                <a:lnTo>
                  <a:pt x="8001000" y="188975"/>
                </a:lnTo>
                <a:close/>
              </a:path>
              <a:path w="13335000" h="323850">
                <a:moveTo>
                  <a:pt x="8509000" y="27431"/>
                </a:moveTo>
                <a:lnTo>
                  <a:pt x="8509000" y="0"/>
                </a:lnTo>
                <a:lnTo>
                  <a:pt x="8128000" y="0"/>
                </a:lnTo>
                <a:lnTo>
                  <a:pt x="8001000" y="8381"/>
                </a:lnTo>
                <a:lnTo>
                  <a:pt x="8001000" y="34289"/>
                </a:lnTo>
                <a:lnTo>
                  <a:pt x="8128000" y="36575"/>
                </a:lnTo>
                <a:lnTo>
                  <a:pt x="8128000" y="28193"/>
                </a:lnTo>
                <a:lnTo>
                  <a:pt x="8255000" y="27431"/>
                </a:lnTo>
                <a:lnTo>
                  <a:pt x="8255000" y="34289"/>
                </a:lnTo>
                <a:lnTo>
                  <a:pt x="8382000" y="35813"/>
                </a:lnTo>
                <a:lnTo>
                  <a:pt x="8382000" y="32003"/>
                </a:lnTo>
                <a:lnTo>
                  <a:pt x="8509000" y="27431"/>
                </a:lnTo>
                <a:close/>
              </a:path>
              <a:path w="13335000" h="323850">
                <a:moveTo>
                  <a:pt x="8128000" y="181355"/>
                </a:moveTo>
                <a:lnTo>
                  <a:pt x="8128000" y="168106"/>
                </a:lnTo>
                <a:lnTo>
                  <a:pt x="8001000" y="169911"/>
                </a:lnTo>
                <a:lnTo>
                  <a:pt x="8001000" y="184403"/>
                </a:lnTo>
                <a:lnTo>
                  <a:pt x="8128000" y="181355"/>
                </a:lnTo>
                <a:close/>
              </a:path>
              <a:path w="13335000" h="323850">
                <a:moveTo>
                  <a:pt x="8255000" y="155447"/>
                </a:moveTo>
                <a:lnTo>
                  <a:pt x="8255000" y="140969"/>
                </a:lnTo>
                <a:lnTo>
                  <a:pt x="8128000" y="142493"/>
                </a:lnTo>
                <a:lnTo>
                  <a:pt x="8128000" y="156971"/>
                </a:lnTo>
                <a:lnTo>
                  <a:pt x="8255000" y="155447"/>
                </a:lnTo>
                <a:close/>
              </a:path>
              <a:path w="13335000" h="323850">
                <a:moveTo>
                  <a:pt x="8382000" y="156964"/>
                </a:moveTo>
                <a:lnTo>
                  <a:pt x="8382000" y="143255"/>
                </a:lnTo>
                <a:lnTo>
                  <a:pt x="8255000" y="144779"/>
                </a:lnTo>
                <a:lnTo>
                  <a:pt x="8255000" y="156971"/>
                </a:lnTo>
                <a:lnTo>
                  <a:pt x="8382000" y="156964"/>
                </a:lnTo>
                <a:close/>
              </a:path>
              <a:path w="13335000" h="323850">
                <a:moveTo>
                  <a:pt x="8509000" y="147827"/>
                </a:moveTo>
                <a:lnTo>
                  <a:pt x="8509000" y="130301"/>
                </a:lnTo>
                <a:lnTo>
                  <a:pt x="8382000" y="131063"/>
                </a:lnTo>
                <a:lnTo>
                  <a:pt x="8382000" y="147827"/>
                </a:lnTo>
                <a:lnTo>
                  <a:pt x="8509000" y="147827"/>
                </a:lnTo>
                <a:close/>
              </a:path>
              <a:path w="13335000" h="323850">
                <a:moveTo>
                  <a:pt x="8636000" y="137159"/>
                </a:moveTo>
                <a:lnTo>
                  <a:pt x="8636000" y="32003"/>
                </a:lnTo>
                <a:lnTo>
                  <a:pt x="8509000" y="31241"/>
                </a:lnTo>
                <a:lnTo>
                  <a:pt x="8509000" y="139958"/>
                </a:lnTo>
                <a:lnTo>
                  <a:pt x="8636000" y="137159"/>
                </a:lnTo>
                <a:close/>
              </a:path>
              <a:path w="13335000" h="323850">
                <a:moveTo>
                  <a:pt x="8763000" y="46869"/>
                </a:moveTo>
                <a:lnTo>
                  <a:pt x="8763000" y="15239"/>
                </a:lnTo>
                <a:lnTo>
                  <a:pt x="8636000" y="22097"/>
                </a:lnTo>
                <a:lnTo>
                  <a:pt x="8636000" y="49896"/>
                </a:lnTo>
                <a:lnTo>
                  <a:pt x="8763000" y="46869"/>
                </a:lnTo>
                <a:close/>
              </a:path>
              <a:path w="13335000" h="323850">
                <a:moveTo>
                  <a:pt x="8763000" y="169323"/>
                </a:moveTo>
                <a:lnTo>
                  <a:pt x="8763000" y="151926"/>
                </a:lnTo>
                <a:lnTo>
                  <a:pt x="8636000" y="150808"/>
                </a:lnTo>
                <a:lnTo>
                  <a:pt x="8636000" y="168958"/>
                </a:lnTo>
                <a:lnTo>
                  <a:pt x="8763000" y="169323"/>
                </a:lnTo>
                <a:close/>
              </a:path>
              <a:path w="13335000" h="323850">
                <a:moveTo>
                  <a:pt x="8890000" y="61822"/>
                </a:moveTo>
                <a:lnTo>
                  <a:pt x="8890000" y="33527"/>
                </a:lnTo>
                <a:lnTo>
                  <a:pt x="8763000" y="34289"/>
                </a:lnTo>
                <a:lnTo>
                  <a:pt x="8763000" y="62125"/>
                </a:lnTo>
                <a:lnTo>
                  <a:pt x="8890000" y="61822"/>
                </a:lnTo>
                <a:close/>
              </a:path>
              <a:path w="13335000" h="323850">
                <a:moveTo>
                  <a:pt x="8890000" y="163633"/>
                </a:moveTo>
                <a:lnTo>
                  <a:pt x="8890000" y="140969"/>
                </a:lnTo>
                <a:lnTo>
                  <a:pt x="8763000" y="140207"/>
                </a:lnTo>
                <a:lnTo>
                  <a:pt x="8763000" y="163217"/>
                </a:lnTo>
                <a:lnTo>
                  <a:pt x="8890000" y="163633"/>
                </a:lnTo>
                <a:close/>
              </a:path>
              <a:path w="13335000" h="323850">
                <a:moveTo>
                  <a:pt x="9017000" y="57149"/>
                </a:moveTo>
                <a:lnTo>
                  <a:pt x="9017000" y="34289"/>
                </a:lnTo>
                <a:lnTo>
                  <a:pt x="8890000" y="35813"/>
                </a:lnTo>
                <a:lnTo>
                  <a:pt x="8890000" y="59435"/>
                </a:lnTo>
                <a:lnTo>
                  <a:pt x="9017000" y="57149"/>
                </a:lnTo>
                <a:close/>
              </a:path>
              <a:path w="13335000" h="323850">
                <a:moveTo>
                  <a:pt x="9017000" y="160019"/>
                </a:moveTo>
                <a:lnTo>
                  <a:pt x="9017000" y="144779"/>
                </a:lnTo>
                <a:lnTo>
                  <a:pt x="8890000" y="140207"/>
                </a:lnTo>
                <a:lnTo>
                  <a:pt x="8890000" y="156209"/>
                </a:lnTo>
                <a:lnTo>
                  <a:pt x="9017000" y="160019"/>
                </a:lnTo>
                <a:close/>
              </a:path>
              <a:path w="13335000" h="323850">
                <a:moveTo>
                  <a:pt x="9144000" y="40385"/>
                </a:moveTo>
                <a:lnTo>
                  <a:pt x="9144000" y="0"/>
                </a:lnTo>
                <a:lnTo>
                  <a:pt x="9017000" y="0"/>
                </a:lnTo>
                <a:lnTo>
                  <a:pt x="9017000" y="41147"/>
                </a:lnTo>
                <a:lnTo>
                  <a:pt x="9144000" y="40385"/>
                </a:lnTo>
                <a:close/>
              </a:path>
              <a:path w="13335000" h="323850">
                <a:moveTo>
                  <a:pt x="9144000" y="178307"/>
                </a:moveTo>
                <a:lnTo>
                  <a:pt x="9144000" y="158023"/>
                </a:lnTo>
                <a:lnTo>
                  <a:pt x="9017000" y="157078"/>
                </a:lnTo>
                <a:lnTo>
                  <a:pt x="9017000" y="180593"/>
                </a:lnTo>
                <a:lnTo>
                  <a:pt x="9144000" y="178307"/>
                </a:lnTo>
                <a:close/>
              </a:path>
              <a:path w="13335000" h="323850">
                <a:moveTo>
                  <a:pt x="9398000" y="145541"/>
                </a:moveTo>
                <a:lnTo>
                  <a:pt x="9398000" y="64769"/>
                </a:lnTo>
                <a:lnTo>
                  <a:pt x="9271000" y="55625"/>
                </a:lnTo>
                <a:lnTo>
                  <a:pt x="9144000" y="60959"/>
                </a:lnTo>
                <a:lnTo>
                  <a:pt x="9144000" y="108203"/>
                </a:lnTo>
                <a:lnTo>
                  <a:pt x="9271000" y="85816"/>
                </a:lnTo>
                <a:lnTo>
                  <a:pt x="9271000" y="148589"/>
                </a:lnTo>
                <a:lnTo>
                  <a:pt x="9398000" y="145541"/>
                </a:lnTo>
                <a:close/>
              </a:path>
              <a:path w="13335000" h="323850">
                <a:moveTo>
                  <a:pt x="9271000" y="163646"/>
                </a:moveTo>
                <a:lnTo>
                  <a:pt x="9271000" y="121919"/>
                </a:lnTo>
                <a:lnTo>
                  <a:pt x="9144000" y="108203"/>
                </a:lnTo>
                <a:lnTo>
                  <a:pt x="9144000" y="154206"/>
                </a:lnTo>
                <a:lnTo>
                  <a:pt x="9271000" y="163646"/>
                </a:lnTo>
                <a:close/>
              </a:path>
              <a:path w="13335000" h="323850">
                <a:moveTo>
                  <a:pt x="9525000" y="154685"/>
                </a:moveTo>
                <a:lnTo>
                  <a:pt x="9525000" y="73151"/>
                </a:lnTo>
                <a:lnTo>
                  <a:pt x="9398000" y="72389"/>
                </a:lnTo>
                <a:lnTo>
                  <a:pt x="9398000" y="154685"/>
                </a:lnTo>
                <a:lnTo>
                  <a:pt x="9525000" y="154685"/>
                </a:lnTo>
                <a:close/>
              </a:path>
              <a:path w="13335000" h="323850">
                <a:moveTo>
                  <a:pt x="9652000" y="134873"/>
                </a:moveTo>
                <a:lnTo>
                  <a:pt x="9652000" y="80771"/>
                </a:lnTo>
                <a:lnTo>
                  <a:pt x="9525000" y="79247"/>
                </a:lnTo>
                <a:lnTo>
                  <a:pt x="9525000" y="147065"/>
                </a:lnTo>
                <a:lnTo>
                  <a:pt x="9652000" y="134873"/>
                </a:lnTo>
                <a:close/>
              </a:path>
              <a:path w="13335000" h="323850">
                <a:moveTo>
                  <a:pt x="9779000" y="148589"/>
                </a:moveTo>
                <a:lnTo>
                  <a:pt x="9779000" y="86105"/>
                </a:lnTo>
                <a:lnTo>
                  <a:pt x="9652000" y="83819"/>
                </a:lnTo>
                <a:lnTo>
                  <a:pt x="9652000" y="147827"/>
                </a:lnTo>
                <a:lnTo>
                  <a:pt x="9779000" y="148589"/>
                </a:lnTo>
                <a:close/>
              </a:path>
              <a:path w="13335000" h="323850">
                <a:moveTo>
                  <a:pt x="10033000" y="148589"/>
                </a:moveTo>
                <a:lnTo>
                  <a:pt x="10033000" y="82295"/>
                </a:lnTo>
                <a:lnTo>
                  <a:pt x="9906000" y="80771"/>
                </a:lnTo>
                <a:lnTo>
                  <a:pt x="9906000" y="150113"/>
                </a:lnTo>
                <a:lnTo>
                  <a:pt x="10033000" y="148589"/>
                </a:lnTo>
                <a:close/>
              </a:path>
              <a:path w="13335000" h="323850">
                <a:moveTo>
                  <a:pt x="10160000" y="150113"/>
                </a:moveTo>
                <a:lnTo>
                  <a:pt x="10160000" y="97535"/>
                </a:lnTo>
                <a:lnTo>
                  <a:pt x="10033000" y="89153"/>
                </a:lnTo>
                <a:lnTo>
                  <a:pt x="10033000" y="150875"/>
                </a:lnTo>
                <a:lnTo>
                  <a:pt x="10160000" y="150113"/>
                </a:lnTo>
                <a:close/>
              </a:path>
              <a:path w="13335000" h="323850">
                <a:moveTo>
                  <a:pt x="10287000" y="74675"/>
                </a:moveTo>
                <a:lnTo>
                  <a:pt x="10287000" y="57149"/>
                </a:lnTo>
                <a:lnTo>
                  <a:pt x="10160000" y="57911"/>
                </a:lnTo>
                <a:lnTo>
                  <a:pt x="10160000" y="73913"/>
                </a:lnTo>
                <a:lnTo>
                  <a:pt x="10287000" y="74675"/>
                </a:lnTo>
                <a:close/>
              </a:path>
              <a:path w="13335000" h="323850">
                <a:moveTo>
                  <a:pt x="10287000" y="161543"/>
                </a:moveTo>
                <a:lnTo>
                  <a:pt x="10287000" y="143940"/>
                </a:lnTo>
                <a:lnTo>
                  <a:pt x="10160000" y="144565"/>
                </a:lnTo>
                <a:lnTo>
                  <a:pt x="10160000" y="161543"/>
                </a:lnTo>
                <a:lnTo>
                  <a:pt x="10287000" y="161543"/>
                </a:lnTo>
                <a:close/>
              </a:path>
              <a:path w="13335000" h="323850">
                <a:moveTo>
                  <a:pt x="10414000" y="130301"/>
                </a:moveTo>
                <a:lnTo>
                  <a:pt x="10414000" y="76199"/>
                </a:lnTo>
                <a:lnTo>
                  <a:pt x="10287000" y="80771"/>
                </a:lnTo>
                <a:lnTo>
                  <a:pt x="10287000" y="117347"/>
                </a:lnTo>
                <a:lnTo>
                  <a:pt x="10414000" y="130301"/>
                </a:lnTo>
                <a:close/>
              </a:path>
              <a:path w="13335000" h="323850">
                <a:moveTo>
                  <a:pt x="10668000" y="118871"/>
                </a:moveTo>
                <a:lnTo>
                  <a:pt x="10668000" y="80771"/>
                </a:lnTo>
                <a:lnTo>
                  <a:pt x="10541000" y="75437"/>
                </a:lnTo>
                <a:lnTo>
                  <a:pt x="10541000" y="127253"/>
                </a:lnTo>
                <a:lnTo>
                  <a:pt x="10668000" y="118871"/>
                </a:lnTo>
                <a:close/>
              </a:path>
              <a:path w="13335000" h="323850">
                <a:moveTo>
                  <a:pt x="10795000" y="133349"/>
                </a:moveTo>
                <a:lnTo>
                  <a:pt x="10795000" y="75213"/>
                </a:lnTo>
                <a:lnTo>
                  <a:pt x="10668000" y="73752"/>
                </a:lnTo>
                <a:lnTo>
                  <a:pt x="10668000" y="130301"/>
                </a:lnTo>
                <a:lnTo>
                  <a:pt x="10795000" y="133349"/>
                </a:lnTo>
                <a:close/>
              </a:path>
              <a:path w="13335000" h="323850">
                <a:moveTo>
                  <a:pt x="10922000" y="137921"/>
                </a:moveTo>
                <a:lnTo>
                  <a:pt x="10922000" y="83057"/>
                </a:lnTo>
                <a:lnTo>
                  <a:pt x="10795000" y="80771"/>
                </a:lnTo>
                <a:lnTo>
                  <a:pt x="10795000" y="140207"/>
                </a:lnTo>
                <a:lnTo>
                  <a:pt x="10922000" y="137921"/>
                </a:lnTo>
                <a:close/>
              </a:path>
              <a:path w="13335000" h="323850">
                <a:moveTo>
                  <a:pt x="12700000" y="108203"/>
                </a:moveTo>
                <a:lnTo>
                  <a:pt x="12700000" y="0"/>
                </a:lnTo>
                <a:lnTo>
                  <a:pt x="12446000" y="0"/>
                </a:lnTo>
                <a:lnTo>
                  <a:pt x="12446000" y="80771"/>
                </a:lnTo>
                <a:lnTo>
                  <a:pt x="12573000" y="72389"/>
                </a:lnTo>
                <a:lnTo>
                  <a:pt x="12573000" y="90677"/>
                </a:lnTo>
                <a:lnTo>
                  <a:pt x="12700000" y="108203"/>
                </a:lnTo>
                <a:close/>
              </a:path>
              <a:path w="13335000" h="323850">
                <a:moveTo>
                  <a:pt x="12954000" y="5333"/>
                </a:moveTo>
                <a:lnTo>
                  <a:pt x="12954000" y="0"/>
                </a:lnTo>
                <a:lnTo>
                  <a:pt x="12827000" y="0"/>
                </a:lnTo>
                <a:lnTo>
                  <a:pt x="12827000" y="8381"/>
                </a:lnTo>
                <a:lnTo>
                  <a:pt x="12954000" y="5333"/>
                </a:lnTo>
                <a:close/>
              </a:path>
              <a:path w="13335000" h="323850">
                <a:moveTo>
                  <a:pt x="13335000" y="323849"/>
                </a:moveTo>
                <a:lnTo>
                  <a:pt x="13335000" y="233933"/>
                </a:lnTo>
                <a:lnTo>
                  <a:pt x="13208000" y="238505"/>
                </a:lnTo>
                <a:lnTo>
                  <a:pt x="13208000" y="323849"/>
                </a:lnTo>
                <a:lnTo>
                  <a:pt x="13335000" y="323849"/>
                </a:lnTo>
                <a:close/>
              </a:path>
            </a:pathLst>
          </a:custGeom>
          <a:solidFill>
            <a:srgbClr val="FFD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4" name="object 174"/>
          <p:cNvSpPr/>
          <p:nvPr/>
        </p:nvSpPr>
        <p:spPr>
          <a:xfrm>
            <a:off x="645459" y="1995544"/>
            <a:ext cx="7844118" cy="190500"/>
          </a:xfrm>
          <a:custGeom>
            <a:avLst/>
            <a:gdLst/>
            <a:ahLst/>
            <a:cxnLst/>
            <a:rect l="l" t="t" r="r" b="b"/>
            <a:pathLst>
              <a:path w="13335000" h="323850">
                <a:moveTo>
                  <a:pt x="127000" y="224027"/>
                </a:moveTo>
                <a:lnTo>
                  <a:pt x="127000" y="179069"/>
                </a:lnTo>
                <a:lnTo>
                  <a:pt x="0" y="188975"/>
                </a:lnTo>
                <a:lnTo>
                  <a:pt x="0" y="217169"/>
                </a:lnTo>
                <a:lnTo>
                  <a:pt x="127000" y="224027"/>
                </a:lnTo>
                <a:close/>
              </a:path>
              <a:path w="13335000" h="323850">
                <a:moveTo>
                  <a:pt x="254000" y="137921"/>
                </a:moveTo>
                <a:lnTo>
                  <a:pt x="254000" y="60197"/>
                </a:lnTo>
                <a:lnTo>
                  <a:pt x="127000" y="54101"/>
                </a:lnTo>
                <a:lnTo>
                  <a:pt x="127000" y="147827"/>
                </a:lnTo>
                <a:lnTo>
                  <a:pt x="254000" y="137921"/>
                </a:lnTo>
                <a:close/>
              </a:path>
              <a:path w="13335000" h="323850">
                <a:moveTo>
                  <a:pt x="1524000" y="22097"/>
                </a:moveTo>
                <a:lnTo>
                  <a:pt x="1524000" y="0"/>
                </a:lnTo>
                <a:lnTo>
                  <a:pt x="1143000" y="0"/>
                </a:lnTo>
                <a:lnTo>
                  <a:pt x="1143000" y="28199"/>
                </a:lnTo>
                <a:lnTo>
                  <a:pt x="1270000" y="31681"/>
                </a:lnTo>
                <a:lnTo>
                  <a:pt x="1270000" y="36575"/>
                </a:lnTo>
                <a:lnTo>
                  <a:pt x="1397000" y="27431"/>
                </a:lnTo>
                <a:lnTo>
                  <a:pt x="1397000" y="9143"/>
                </a:lnTo>
                <a:lnTo>
                  <a:pt x="1524000" y="22097"/>
                </a:lnTo>
                <a:close/>
              </a:path>
              <a:path w="13335000" h="323850">
                <a:moveTo>
                  <a:pt x="1651000" y="100583"/>
                </a:moveTo>
                <a:lnTo>
                  <a:pt x="1651000" y="70103"/>
                </a:lnTo>
                <a:lnTo>
                  <a:pt x="1524000" y="63245"/>
                </a:lnTo>
                <a:lnTo>
                  <a:pt x="1524000" y="89153"/>
                </a:lnTo>
                <a:lnTo>
                  <a:pt x="1651000" y="100583"/>
                </a:lnTo>
                <a:close/>
              </a:path>
              <a:path w="13335000" h="323850">
                <a:moveTo>
                  <a:pt x="1778000" y="98297"/>
                </a:moveTo>
                <a:lnTo>
                  <a:pt x="1778000" y="77723"/>
                </a:lnTo>
                <a:lnTo>
                  <a:pt x="1651000" y="76199"/>
                </a:lnTo>
                <a:lnTo>
                  <a:pt x="1651000" y="95249"/>
                </a:lnTo>
                <a:lnTo>
                  <a:pt x="1778000" y="98297"/>
                </a:lnTo>
                <a:close/>
              </a:path>
              <a:path w="13335000" h="323850">
                <a:moveTo>
                  <a:pt x="1905000" y="97535"/>
                </a:moveTo>
                <a:lnTo>
                  <a:pt x="1905000" y="74542"/>
                </a:lnTo>
                <a:lnTo>
                  <a:pt x="1778000" y="74326"/>
                </a:lnTo>
                <a:lnTo>
                  <a:pt x="1778000" y="89915"/>
                </a:lnTo>
                <a:lnTo>
                  <a:pt x="1905000" y="97535"/>
                </a:lnTo>
                <a:close/>
              </a:path>
              <a:path w="13335000" h="323850">
                <a:moveTo>
                  <a:pt x="2032000" y="125729"/>
                </a:moveTo>
                <a:lnTo>
                  <a:pt x="2032000" y="87629"/>
                </a:lnTo>
                <a:lnTo>
                  <a:pt x="1905000" y="84581"/>
                </a:lnTo>
                <a:lnTo>
                  <a:pt x="1905000" y="121919"/>
                </a:lnTo>
                <a:lnTo>
                  <a:pt x="2032000" y="125729"/>
                </a:lnTo>
                <a:close/>
              </a:path>
              <a:path w="13335000" h="323850">
                <a:moveTo>
                  <a:pt x="2159000" y="179069"/>
                </a:moveTo>
                <a:lnTo>
                  <a:pt x="2159000" y="100583"/>
                </a:lnTo>
                <a:lnTo>
                  <a:pt x="2032000" y="99821"/>
                </a:lnTo>
                <a:lnTo>
                  <a:pt x="2032000" y="163829"/>
                </a:lnTo>
                <a:lnTo>
                  <a:pt x="2159000" y="179069"/>
                </a:lnTo>
                <a:close/>
              </a:path>
              <a:path w="13335000" h="323850">
                <a:moveTo>
                  <a:pt x="2286000" y="146303"/>
                </a:moveTo>
                <a:lnTo>
                  <a:pt x="2286000" y="107441"/>
                </a:lnTo>
                <a:lnTo>
                  <a:pt x="2159000" y="108203"/>
                </a:lnTo>
                <a:lnTo>
                  <a:pt x="2159000" y="144017"/>
                </a:lnTo>
                <a:lnTo>
                  <a:pt x="2286000" y="146303"/>
                </a:lnTo>
                <a:close/>
              </a:path>
              <a:path w="13335000" h="323850">
                <a:moveTo>
                  <a:pt x="2413000" y="216407"/>
                </a:moveTo>
                <a:lnTo>
                  <a:pt x="2413000" y="136397"/>
                </a:lnTo>
                <a:lnTo>
                  <a:pt x="2286000" y="147827"/>
                </a:lnTo>
                <a:lnTo>
                  <a:pt x="2286000" y="221741"/>
                </a:lnTo>
                <a:lnTo>
                  <a:pt x="2413000" y="216407"/>
                </a:lnTo>
                <a:close/>
              </a:path>
              <a:path w="13335000" h="323850">
                <a:moveTo>
                  <a:pt x="2540000" y="323849"/>
                </a:moveTo>
                <a:lnTo>
                  <a:pt x="2540000" y="255269"/>
                </a:lnTo>
                <a:lnTo>
                  <a:pt x="2413000" y="236981"/>
                </a:lnTo>
                <a:lnTo>
                  <a:pt x="2413000" y="300227"/>
                </a:lnTo>
                <a:lnTo>
                  <a:pt x="2540000" y="323849"/>
                </a:lnTo>
                <a:close/>
              </a:path>
              <a:path w="13335000" h="323850">
                <a:moveTo>
                  <a:pt x="2667000" y="216407"/>
                </a:moveTo>
                <a:lnTo>
                  <a:pt x="2667000" y="111251"/>
                </a:lnTo>
                <a:lnTo>
                  <a:pt x="2540000" y="108203"/>
                </a:lnTo>
                <a:lnTo>
                  <a:pt x="2540000" y="243077"/>
                </a:lnTo>
                <a:lnTo>
                  <a:pt x="2667000" y="216407"/>
                </a:lnTo>
                <a:close/>
              </a:path>
              <a:path w="13335000" h="323850">
                <a:moveTo>
                  <a:pt x="2794000" y="289896"/>
                </a:moveTo>
                <a:lnTo>
                  <a:pt x="2794000" y="267461"/>
                </a:lnTo>
                <a:lnTo>
                  <a:pt x="2667000" y="253745"/>
                </a:lnTo>
                <a:lnTo>
                  <a:pt x="2667000" y="281910"/>
                </a:lnTo>
                <a:lnTo>
                  <a:pt x="2794000" y="289896"/>
                </a:lnTo>
                <a:close/>
              </a:path>
              <a:path w="13335000" h="323850">
                <a:moveTo>
                  <a:pt x="2921000" y="304037"/>
                </a:moveTo>
                <a:lnTo>
                  <a:pt x="2921000" y="195833"/>
                </a:lnTo>
                <a:lnTo>
                  <a:pt x="2794000" y="192785"/>
                </a:lnTo>
                <a:lnTo>
                  <a:pt x="2794000" y="323849"/>
                </a:lnTo>
                <a:lnTo>
                  <a:pt x="2921000" y="304037"/>
                </a:lnTo>
                <a:close/>
              </a:path>
              <a:path w="13335000" h="323850">
                <a:moveTo>
                  <a:pt x="3048000" y="264413"/>
                </a:moveTo>
                <a:lnTo>
                  <a:pt x="3048000" y="201929"/>
                </a:lnTo>
                <a:lnTo>
                  <a:pt x="2921000" y="213359"/>
                </a:lnTo>
                <a:lnTo>
                  <a:pt x="2921000" y="264413"/>
                </a:lnTo>
                <a:lnTo>
                  <a:pt x="3048000" y="264413"/>
                </a:lnTo>
                <a:close/>
              </a:path>
              <a:path w="13335000" h="323850">
                <a:moveTo>
                  <a:pt x="3175000" y="200405"/>
                </a:moveTo>
                <a:lnTo>
                  <a:pt x="3175000" y="172973"/>
                </a:lnTo>
                <a:lnTo>
                  <a:pt x="3048000" y="184403"/>
                </a:lnTo>
                <a:lnTo>
                  <a:pt x="3048000" y="216407"/>
                </a:lnTo>
                <a:lnTo>
                  <a:pt x="3175000" y="200405"/>
                </a:lnTo>
                <a:close/>
              </a:path>
              <a:path w="13335000" h="323850">
                <a:moveTo>
                  <a:pt x="3175000" y="269747"/>
                </a:moveTo>
                <a:lnTo>
                  <a:pt x="3048000" y="243077"/>
                </a:lnTo>
                <a:lnTo>
                  <a:pt x="3048000" y="297179"/>
                </a:lnTo>
                <a:lnTo>
                  <a:pt x="3175000" y="269747"/>
                </a:lnTo>
                <a:close/>
              </a:path>
              <a:path w="13335000" h="323850">
                <a:moveTo>
                  <a:pt x="3302000" y="197357"/>
                </a:moveTo>
                <a:lnTo>
                  <a:pt x="3302000" y="172211"/>
                </a:lnTo>
                <a:lnTo>
                  <a:pt x="3175000" y="173735"/>
                </a:lnTo>
                <a:lnTo>
                  <a:pt x="3175000" y="202691"/>
                </a:lnTo>
                <a:lnTo>
                  <a:pt x="3302000" y="197357"/>
                </a:lnTo>
                <a:close/>
              </a:path>
              <a:path w="13335000" h="323850">
                <a:moveTo>
                  <a:pt x="3429000" y="323849"/>
                </a:moveTo>
                <a:lnTo>
                  <a:pt x="3429000" y="269747"/>
                </a:lnTo>
                <a:lnTo>
                  <a:pt x="3302000" y="265937"/>
                </a:lnTo>
                <a:lnTo>
                  <a:pt x="3302000" y="323849"/>
                </a:lnTo>
                <a:lnTo>
                  <a:pt x="3429000" y="323849"/>
                </a:lnTo>
                <a:close/>
              </a:path>
              <a:path w="13335000" h="323850">
                <a:moveTo>
                  <a:pt x="3556000" y="287273"/>
                </a:moveTo>
                <a:lnTo>
                  <a:pt x="3556000" y="223265"/>
                </a:lnTo>
                <a:lnTo>
                  <a:pt x="3429000" y="220217"/>
                </a:lnTo>
                <a:lnTo>
                  <a:pt x="3429000" y="291845"/>
                </a:lnTo>
                <a:lnTo>
                  <a:pt x="3556000" y="287273"/>
                </a:lnTo>
                <a:close/>
              </a:path>
              <a:path w="13335000" h="323850">
                <a:moveTo>
                  <a:pt x="3809999" y="323849"/>
                </a:moveTo>
                <a:lnTo>
                  <a:pt x="3810000" y="158882"/>
                </a:lnTo>
                <a:lnTo>
                  <a:pt x="3683000" y="169139"/>
                </a:lnTo>
                <a:lnTo>
                  <a:pt x="3683000" y="187451"/>
                </a:lnTo>
                <a:lnTo>
                  <a:pt x="3556000" y="185927"/>
                </a:lnTo>
                <a:lnTo>
                  <a:pt x="3556000" y="297179"/>
                </a:lnTo>
                <a:lnTo>
                  <a:pt x="3683000" y="323849"/>
                </a:lnTo>
                <a:lnTo>
                  <a:pt x="3809999" y="323849"/>
                </a:lnTo>
                <a:close/>
              </a:path>
              <a:path w="13335000" h="323850">
                <a:moveTo>
                  <a:pt x="3937000" y="141731"/>
                </a:moveTo>
                <a:lnTo>
                  <a:pt x="3937000" y="108203"/>
                </a:lnTo>
                <a:lnTo>
                  <a:pt x="3810000" y="114299"/>
                </a:lnTo>
                <a:lnTo>
                  <a:pt x="3810000" y="159326"/>
                </a:lnTo>
                <a:lnTo>
                  <a:pt x="3937000" y="141731"/>
                </a:lnTo>
                <a:close/>
              </a:path>
              <a:path w="13335000" h="323850">
                <a:moveTo>
                  <a:pt x="4064000" y="140969"/>
                </a:moveTo>
                <a:lnTo>
                  <a:pt x="4064000" y="109727"/>
                </a:lnTo>
                <a:lnTo>
                  <a:pt x="3937000" y="134111"/>
                </a:lnTo>
                <a:lnTo>
                  <a:pt x="3937000" y="152399"/>
                </a:lnTo>
                <a:lnTo>
                  <a:pt x="4064000" y="140969"/>
                </a:lnTo>
                <a:close/>
              </a:path>
              <a:path w="13335000" h="323850">
                <a:moveTo>
                  <a:pt x="4191000" y="161543"/>
                </a:moveTo>
                <a:lnTo>
                  <a:pt x="4191000" y="145541"/>
                </a:lnTo>
                <a:lnTo>
                  <a:pt x="4064000" y="137159"/>
                </a:lnTo>
                <a:lnTo>
                  <a:pt x="4064000" y="158495"/>
                </a:lnTo>
                <a:lnTo>
                  <a:pt x="4191000" y="161543"/>
                </a:lnTo>
                <a:close/>
              </a:path>
              <a:path w="13335000" h="323850">
                <a:moveTo>
                  <a:pt x="4318000" y="150875"/>
                </a:moveTo>
                <a:lnTo>
                  <a:pt x="4318000" y="135576"/>
                </a:lnTo>
                <a:lnTo>
                  <a:pt x="4191000" y="134873"/>
                </a:lnTo>
                <a:lnTo>
                  <a:pt x="4191000" y="149351"/>
                </a:lnTo>
                <a:lnTo>
                  <a:pt x="4318000" y="150875"/>
                </a:lnTo>
                <a:close/>
              </a:path>
              <a:path w="13335000" h="323850">
                <a:moveTo>
                  <a:pt x="4445000" y="174497"/>
                </a:moveTo>
                <a:lnTo>
                  <a:pt x="4445000" y="160019"/>
                </a:lnTo>
                <a:lnTo>
                  <a:pt x="4318000" y="160781"/>
                </a:lnTo>
                <a:lnTo>
                  <a:pt x="4318000" y="173735"/>
                </a:lnTo>
                <a:lnTo>
                  <a:pt x="4445000" y="174497"/>
                </a:lnTo>
                <a:close/>
              </a:path>
              <a:path w="13335000" h="323850">
                <a:moveTo>
                  <a:pt x="4572000" y="174005"/>
                </a:moveTo>
                <a:lnTo>
                  <a:pt x="4572000" y="158495"/>
                </a:lnTo>
                <a:lnTo>
                  <a:pt x="4445000" y="158495"/>
                </a:lnTo>
                <a:lnTo>
                  <a:pt x="4445000" y="174289"/>
                </a:lnTo>
                <a:lnTo>
                  <a:pt x="4572000" y="174005"/>
                </a:lnTo>
                <a:close/>
              </a:path>
              <a:path w="13335000" h="323850">
                <a:moveTo>
                  <a:pt x="4699000" y="146303"/>
                </a:moveTo>
                <a:lnTo>
                  <a:pt x="4699000" y="132587"/>
                </a:lnTo>
                <a:lnTo>
                  <a:pt x="4572000" y="131063"/>
                </a:lnTo>
                <a:lnTo>
                  <a:pt x="4572000" y="145541"/>
                </a:lnTo>
                <a:lnTo>
                  <a:pt x="4699000" y="146303"/>
                </a:lnTo>
                <a:close/>
              </a:path>
              <a:path w="13335000" h="323850">
                <a:moveTo>
                  <a:pt x="4826000" y="100583"/>
                </a:moveTo>
                <a:lnTo>
                  <a:pt x="4826000" y="80771"/>
                </a:lnTo>
                <a:lnTo>
                  <a:pt x="4699000" y="84581"/>
                </a:lnTo>
                <a:lnTo>
                  <a:pt x="4699000" y="128015"/>
                </a:lnTo>
                <a:lnTo>
                  <a:pt x="4826000" y="100583"/>
                </a:lnTo>
                <a:close/>
              </a:path>
              <a:path w="13335000" h="323850">
                <a:moveTo>
                  <a:pt x="4953000" y="96773"/>
                </a:moveTo>
                <a:lnTo>
                  <a:pt x="4953000" y="67817"/>
                </a:lnTo>
                <a:lnTo>
                  <a:pt x="4826000" y="73913"/>
                </a:lnTo>
                <a:lnTo>
                  <a:pt x="4826000" y="108203"/>
                </a:lnTo>
                <a:lnTo>
                  <a:pt x="4953000" y="96773"/>
                </a:lnTo>
                <a:close/>
              </a:path>
              <a:path w="13335000" h="323850">
                <a:moveTo>
                  <a:pt x="5080000" y="167639"/>
                </a:moveTo>
                <a:lnTo>
                  <a:pt x="5080000" y="133349"/>
                </a:lnTo>
                <a:lnTo>
                  <a:pt x="4953000" y="132587"/>
                </a:lnTo>
                <a:lnTo>
                  <a:pt x="4953000" y="167639"/>
                </a:lnTo>
                <a:lnTo>
                  <a:pt x="5080000" y="167639"/>
                </a:lnTo>
                <a:close/>
              </a:path>
              <a:path w="13335000" h="323850">
                <a:moveTo>
                  <a:pt x="5207000" y="172211"/>
                </a:moveTo>
                <a:lnTo>
                  <a:pt x="5207000" y="96011"/>
                </a:lnTo>
                <a:lnTo>
                  <a:pt x="5080000" y="99059"/>
                </a:lnTo>
                <a:lnTo>
                  <a:pt x="5080000" y="173735"/>
                </a:lnTo>
                <a:lnTo>
                  <a:pt x="5207000" y="172211"/>
                </a:lnTo>
                <a:close/>
              </a:path>
              <a:path w="13335000" h="323850">
                <a:moveTo>
                  <a:pt x="5334000" y="230123"/>
                </a:moveTo>
                <a:lnTo>
                  <a:pt x="5334000" y="158495"/>
                </a:lnTo>
                <a:lnTo>
                  <a:pt x="5207000" y="162305"/>
                </a:lnTo>
                <a:lnTo>
                  <a:pt x="5207000" y="221741"/>
                </a:lnTo>
                <a:lnTo>
                  <a:pt x="5334000" y="230123"/>
                </a:lnTo>
                <a:close/>
              </a:path>
              <a:path w="13335000" h="323850">
                <a:moveTo>
                  <a:pt x="5461000" y="216407"/>
                </a:moveTo>
                <a:lnTo>
                  <a:pt x="5461000" y="136397"/>
                </a:lnTo>
                <a:lnTo>
                  <a:pt x="5334000" y="144017"/>
                </a:lnTo>
                <a:lnTo>
                  <a:pt x="5334000" y="204215"/>
                </a:lnTo>
                <a:lnTo>
                  <a:pt x="5461000" y="216407"/>
                </a:lnTo>
                <a:close/>
              </a:path>
              <a:path w="13335000" h="323850">
                <a:moveTo>
                  <a:pt x="5588000" y="185927"/>
                </a:moveTo>
                <a:lnTo>
                  <a:pt x="5588000" y="138683"/>
                </a:lnTo>
                <a:lnTo>
                  <a:pt x="5461000" y="134873"/>
                </a:lnTo>
                <a:lnTo>
                  <a:pt x="5461000" y="176021"/>
                </a:lnTo>
                <a:lnTo>
                  <a:pt x="5588000" y="185927"/>
                </a:lnTo>
                <a:close/>
              </a:path>
              <a:path w="13335000" h="323850">
                <a:moveTo>
                  <a:pt x="5715000" y="194309"/>
                </a:moveTo>
                <a:lnTo>
                  <a:pt x="5715000" y="136397"/>
                </a:lnTo>
                <a:lnTo>
                  <a:pt x="5588000" y="142493"/>
                </a:lnTo>
                <a:lnTo>
                  <a:pt x="5588000" y="216407"/>
                </a:lnTo>
                <a:lnTo>
                  <a:pt x="5715000" y="194309"/>
                </a:lnTo>
                <a:close/>
              </a:path>
              <a:path w="13335000" h="323850">
                <a:moveTo>
                  <a:pt x="5842000" y="243077"/>
                </a:moveTo>
                <a:lnTo>
                  <a:pt x="5842000" y="108203"/>
                </a:lnTo>
                <a:lnTo>
                  <a:pt x="5715000" y="134873"/>
                </a:lnTo>
                <a:lnTo>
                  <a:pt x="5715000" y="216407"/>
                </a:lnTo>
                <a:lnTo>
                  <a:pt x="5842000" y="243077"/>
                </a:lnTo>
                <a:close/>
              </a:path>
              <a:path w="13335000" h="323850">
                <a:moveTo>
                  <a:pt x="5969000" y="223265"/>
                </a:moveTo>
                <a:lnTo>
                  <a:pt x="5969000" y="80771"/>
                </a:lnTo>
                <a:lnTo>
                  <a:pt x="5842000" y="72389"/>
                </a:lnTo>
                <a:lnTo>
                  <a:pt x="5842000" y="231647"/>
                </a:lnTo>
                <a:lnTo>
                  <a:pt x="5969000" y="223265"/>
                </a:lnTo>
                <a:close/>
              </a:path>
              <a:path w="13335000" h="323850">
                <a:moveTo>
                  <a:pt x="6096000" y="323849"/>
                </a:moveTo>
                <a:lnTo>
                  <a:pt x="6096000" y="170679"/>
                </a:lnTo>
                <a:lnTo>
                  <a:pt x="5969000" y="167802"/>
                </a:lnTo>
                <a:lnTo>
                  <a:pt x="5969000" y="323849"/>
                </a:lnTo>
                <a:lnTo>
                  <a:pt x="6096000" y="323849"/>
                </a:lnTo>
                <a:close/>
              </a:path>
              <a:path w="13335000" h="323850">
                <a:moveTo>
                  <a:pt x="6476999" y="323849"/>
                </a:moveTo>
                <a:lnTo>
                  <a:pt x="6477000" y="293369"/>
                </a:lnTo>
                <a:lnTo>
                  <a:pt x="6350000" y="269747"/>
                </a:lnTo>
                <a:lnTo>
                  <a:pt x="6350000" y="243077"/>
                </a:lnTo>
                <a:lnTo>
                  <a:pt x="6223000" y="234695"/>
                </a:lnTo>
                <a:lnTo>
                  <a:pt x="6223000" y="176783"/>
                </a:lnTo>
                <a:lnTo>
                  <a:pt x="6096000" y="188975"/>
                </a:lnTo>
                <a:lnTo>
                  <a:pt x="6096000" y="297179"/>
                </a:lnTo>
                <a:lnTo>
                  <a:pt x="6223000" y="323849"/>
                </a:lnTo>
                <a:lnTo>
                  <a:pt x="6476999" y="323849"/>
                </a:lnTo>
                <a:close/>
              </a:path>
              <a:path w="13335000" h="323850">
                <a:moveTo>
                  <a:pt x="6350000" y="153161"/>
                </a:moveTo>
                <a:lnTo>
                  <a:pt x="6350000" y="96011"/>
                </a:lnTo>
                <a:lnTo>
                  <a:pt x="6223000" y="100583"/>
                </a:lnTo>
                <a:lnTo>
                  <a:pt x="6223000" y="153161"/>
                </a:lnTo>
                <a:lnTo>
                  <a:pt x="6350000" y="153161"/>
                </a:lnTo>
                <a:close/>
              </a:path>
              <a:path w="13335000" h="323850">
                <a:moveTo>
                  <a:pt x="6604000" y="265175"/>
                </a:moveTo>
                <a:lnTo>
                  <a:pt x="6604000" y="192023"/>
                </a:lnTo>
                <a:lnTo>
                  <a:pt x="6477000" y="193547"/>
                </a:lnTo>
                <a:lnTo>
                  <a:pt x="6477000" y="269747"/>
                </a:lnTo>
                <a:lnTo>
                  <a:pt x="6604000" y="265175"/>
                </a:lnTo>
                <a:close/>
              </a:path>
              <a:path w="13335000" h="323850">
                <a:moveTo>
                  <a:pt x="6858000" y="323849"/>
                </a:moveTo>
                <a:lnTo>
                  <a:pt x="6858000" y="208787"/>
                </a:lnTo>
                <a:lnTo>
                  <a:pt x="6731000" y="216407"/>
                </a:lnTo>
                <a:lnTo>
                  <a:pt x="6730999" y="323849"/>
                </a:lnTo>
                <a:lnTo>
                  <a:pt x="6858000" y="323849"/>
                </a:lnTo>
                <a:close/>
              </a:path>
              <a:path w="13335000" h="323850">
                <a:moveTo>
                  <a:pt x="6985000" y="216407"/>
                </a:moveTo>
                <a:lnTo>
                  <a:pt x="6985000" y="162305"/>
                </a:lnTo>
                <a:lnTo>
                  <a:pt x="6858000" y="164591"/>
                </a:lnTo>
                <a:lnTo>
                  <a:pt x="6858000" y="229361"/>
                </a:lnTo>
                <a:lnTo>
                  <a:pt x="6985000" y="216407"/>
                </a:lnTo>
                <a:close/>
              </a:path>
              <a:path w="13335000" h="323850">
                <a:moveTo>
                  <a:pt x="7112000" y="217169"/>
                </a:moveTo>
                <a:lnTo>
                  <a:pt x="7112000" y="160781"/>
                </a:lnTo>
                <a:lnTo>
                  <a:pt x="6985000" y="161543"/>
                </a:lnTo>
                <a:lnTo>
                  <a:pt x="6985000" y="233933"/>
                </a:lnTo>
                <a:lnTo>
                  <a:pt x="7112000" y="217169"/>
                </a:lnTo>
                <a:close/>
              </a:path>
              <a:path w="13335000" h="323850">
                <a:moveTo>
                  <a:pt x="7239000" y="243077"/>
                </a:moveTo>
                <a:lnTo>
                  <a:pt x="7239000" y="151207"/>
                </a:lnTo>
                <a:lnTo>
                  <a:pt x="7112000" y="150263"/>
                </a:lnTo>
                <a:lnTo>
                  <a:pt x="7112000" y="221741"/>
                </a:lnTo>
                <a:lnTo>
                  <a:pt x="7239000" y="243077"/>
                </a:lnTo>
                <a:close/>
              </a:path>
              <a:path w="13335000" h="323850">
                <a:moveTo>
                  <a:pt x="7366000" y="243077"/>
                </a:moveTo>
                <a:lnTo>
                  <a:pt x="7366000" y="134873"/>
                </a:lnTo>
                <a:lnTo>
                  <a:pt x="7239000" y="108203"/>
                </a:lnTo>
                <a:lnTo>
                  <a:pt x="7239000" y="245363"/>
                </a:lnTo>
                <a:lnTo>
                  <a:pt x="7366000" y="243077"/>
                </a:lnTo>
                <a:close/>
              </a:path>
              <a:path w="13335000" h="323850">
                <a:moveTo>
                  <a:pt x="7493000" y="148589"/>
                </a:moveTo>
                <a:lnTo>
                  <a:pt x="7493000" y="98297"/>
                </a:lnTo>
                <a:lnTo>
                  <a:pt x="7366000" y="99059"/>
                </a:lnTo>
                <a:lnTo>
                  <a:pt x="7366000" y="151637"/>
                </a:lnTo>
                <a:lnTo>
                  <a:pt x="7493000" y="148589"/>
                </a:lnTo>
                <a:close/>
              </a:path>
              <a:path w="13335000" h="323850">
                <a:moveTo>
                  <a:pt x="7620000" y="297179"/>
                </a:moveTo>
                <a:lnTo>
                  <a:pt x="7620000" y="188975"/>
                </a:lnTo>
                <a:lnTo>
                  <a:pt x="7493000" y="173735"/>
                </a:lnTo>
                <a:lnTo>
                  <a:pt x="7493000" y="313181"/>
                </a:lnTo>
                <a:lnTo>
                  <a:pt x="7620000" y="297179"/>
                </a:lnTo>
                <a:close/>
              </a:path>
              <a:path w="13335000" h="323850">
                <a:moveTo>
                  <a:pt x="7747000" y="323849"/>
                </a:moveTo>
                <a:lnTo>
                  <a:pt x="7747000" y="182117"/>
                </a:lnTo>
                <a:lnTo>
                  <a:pt x="7620000" y="185165"/>
                </a:lnTo>
                <a:lnTo>
                  <a:pt x="7620000" y="323849"/>
                </a:lnTo>
                <a:lnTo>
                  <a:pt x="7747000" y="323849"/>
                </a:lnTo>
                <a:close/>
              </a:path>
              <a:path w="13335000" h="323850">
                <a:moveTo>
                  <a:pt x="7874000" y="192785"/>
                </a:moveTo>
                <a:lnTo>
                  <a:pt x="7874000" y="164591"/>
                </a:lnTo>
                <a:lnTo>
                  <a:pt x="7747000" y="175259"/>
                </a:lnTo>
                <a:lnTo>
                  <a:pt x="7747000" y="216407"/>
                </a:lnTo>
                <a:lnTo>
                  <a:pt x="7874000" y="192785"/>
                </a:lnTo>
                <a:close/>
              </a:path>
              <a:path w="13335000" h="323850">
                <a:moveTo>
                  <a:pt x="8001000" y="230885"/>
                </a:moveTo>
                <a:lnTo>
                  <a:pt x="8001000" y="182879"/>
                </a:lnTo>
                <a:lnTo>
                  <a:pt x="7874000" y="184403"/>
                </a:lnTo>
                <a:lnTo>
                  <a:pt x="7874000" y="233171"/>
                </a:lnTo>
                <a:lnTo>
                  <a:pt x="8001000" y="230885"/>
                </a:lnTo>
                <a:close/>
              </a:path>
              <a:path w="13335000" h="323850">
                <a:moveTo>
                  <a:pt x="8128000" y="173735"/>
                </a:moveTo>
                <a:lnTo>
                  <a:pt x="8128000" y="154685"/>
                </a:lnTo>
                <a:lnTo>
                  <a:pt x="8001000" y="150113"/>
                </a:lnTo>
                <a:lnTo>
                  <a:pt x="8001000" y="172973"/>
                </a:lnTo>
                <a:lnTo>
                  <a:pt x="8128000" y="173735"/>
                </a:lnTo>
                <a:close/>
              </a:path>
              <a:path w="13335000" h="323850">
                <a:moveTo>
                  <a:pt x="8255000" y="240029"/>
                </a:moveTo>
                <a:lnTo>
                  <a:pt x="8255000" y="183641"/>
                </a:lnTo>
                <a:lnTo>
                  <a:pt x="8128000" y="180593"/>
                </a:lnTo>
                <a:lnTo>
                  <a:pt x="8128000" y="219455"/>
                </a:lnTo>
                <a:lnTo>
                  <a:pt x="8255000" y="240029"/>
                </a:lnTo>
                <a:close/>
              </a:path>
              <a:path w="13335000" h="323850">
                <a:moveTo>
                  <a:pt x="8509000" y="323849"/>
                </a:moveTo>
                <a:lnTo>
                  <a:pt x="8509000" y="283463"/>
                </a:lnTo>
                <a:lnTo>
                  <a:pt x="8382000" y="292607"/>
                </a:lnTo>
                <a:lnTo>
                  <a:pt x="8382000" y="320039"/>
                </a:lnTo>
                <a:lnTo>
                  <a:pt x="8255000" y="323087"/>
                </a:lnTo>
                <a:lnTo>
                  <a:pt x="8255000" y="249935"/>
                </a:lnTo>
                <a:lnTo>
                  <a:pt x="8128000" y="269747"/>
                </a:lnTo>
                <a:lnTo>
                  <a:pt x="8128000" y="323849"/>
                </a:lnTo>
                <a:lnTo>
                  <a:pt x="8509000" y="323849"/>
                </a:lnTo>
                <a:close/>
              </a:path>
              <a:path w="13335000" h="323850">
                <a:moveTo>
                  <a:pt x="8382000" y="167639"/>
                </a:moveTo>
                <a:lnTo>
                  <a:pt x="8382000" y="144017"/>
                </a:lnTo>
                <a:lnTo>
                  <a:pt x="8255000" y="150113"/>
                </a:lnTo>
                <a:lnTo>
                  <a:pt x="8255000" y="170687"/>
                </a:lnTo>
                <a:lnTo>
                  <a:pt x="8382000" y="167639"/>
                </a:lnTo>
                <a:close/>
              </a:path>
              <a:path w="13335000" h="323850">
                <a:moveTo>
                  <a:pt x="8509000" y="173735"/>
                </a:moveTo>
                <a:lnTo>
                  <a:pt x="8509000" y="134873"/>
                </a:lnTo>
                <a:lnTo>
                  <a:pt x="8382000" y="146303"/>
                </a:lnTo>
                <a:lnTo>
                  <a:pt x="8382000" y="170687"/>
                </a:lnTo>
                <a:lnTo>
                  <a:pt x="8509000" y="173735"/>
                </a:lnTo>
                <a:close/>
              </a:path>
              <a:path w="13335000" h="323850">
                <a:moveTo>
                  <a:pt x="8636000" y="179069"/>
                </a:moveTo>
                <a:lnTo>
                  <a:pt x="8636000" y="156209"/>
                </a:lnTo>
                <a:lnTo>
                  <a:pt x="8509000" y="152399"/>
                </a:lnTo>
                <a:lnTo>
                  <a:pt x="8509000" y="178307"/>
                </a:lnTo>
                <a:lnTo>
                  <a:pt x="8636000" y="179069"/>
                </a:lnTo>
                <a:close/>
              </a:path>
              <a:path w="13335000" h="323850">
                <a:moveTo>
                  <a:pt x="8763000" y="172211"/>
                </a:moveTo>
                <a:lnTo>
                  <a:pt x="8763000" y="129539"/>
                </a:lnTo>
                <a:lnTo>
                  <a:pt x="8636000" y="130301"/>
                </a:lnTo>
                <a:lnTo>
                  <a:pt x="8636000" y="171449"/>
                </a:lnTo>
                <a:lnTo>
                  <a:pt x="8763000" y="172211"/>
                </a:lnTo>
                <a:close/>
              </a:path>
              <a:path w="13335000" h="323850">
                <a:moveTo>
                  <a:pt x="8890000" y="199643"/>
                </a:moveTo>
                <a:lnTo>
                  <a:pt x="8890000" y="166877"/>
                </a:lnTo>
                <a:lnTo>
                  <a:pt x="8763000" y="162305"/>
                </a:lnTo>
                <a:lnTo>
                  <a:pt x="8763000" y="192023"/>
                </a:lnTo>
                <a:lnTo>
                  <a:pt x="8890000" y="199643"/>
                </a:lnTo>
                <a:close/>
              </a:path>
              <a:path w="13335000" h="323850">
                <a:moveTo>
                  <a:pt x="9017000" y="182117"/>
                </a:moveTo>
                <a:lnTo>
                  <a:pt x="9017000" y="154685"/>
                </a:lnTo>
                <a:lnTo>
                  <a:pt x="8890000" y="155447"/>
                </a:lnTo>
                <a:lnTo>
                  <a:pt x="8890000" y="181355"/>
                </a:lnTo>
                <a:lnTo>
                  <a:pt x="9017000" y="182117"/>
                </a:lnTo>
                <a:close/>
              </a:path>
              <a:path w="13335000" h="323850">
                <a:moveTo>
                  <a:pt x="9144000" y="216407"/>
                </a:moveTo>
                <a:lnTo>
                  <a:pt x="9144000" y="178307"/>
                </a:lnTo>
                <a:lnTo>
                  <a:pt x="9017000" y="182879"/>
                </a:lnTo>
                <a:lnTo>
                  <a:pt x="9017000" y="243077"/>
                </a:lnTo>
                <a:lnTo>
                  <a:pt x="9144000" y="216407"/>
                </a:lnTo>
                <a:close/>
              </a:path>
              <a:path w="13335000" h="323850">
                <a:moveTo>
                  <a:pt x="9144000" y="323849"/>
                </a:moveTo>
                <a:lnTo>
                  <a:pt x="9144000" y="297179"/>
                </a:lnTo>
                <a:lnTo>
                  <a:pt x="9017000" y="323087"/>
                </a:lnTo>
                <a:lnTo>
                  <a:pt x="9017000" y="323849"/>
                </a:lnTo>
                <a:lnTo>
                  <a:pt x="9144000" y="323849"/>
                </a:lnTo>
                <a:close/>
              </a:path>
              <a:path w="13335000" h="323850">
                <a:moveTo>
                  <a:pt x="9271000" y="253745"/>
                </a:moveTo>
                <a:lnTo>
                  <a:pt x="9271000" y="204977"/>
                </a:lnTo>
                <a:lnTo>
                  <a:pt x="9144000" y="211073"/>
                </a:lnTo>
                <a:lnTo>
                  <a:pt x="9144000" y="258317"/>
                </a:lnTo>
                <a:lnTo>
                  <a:pt x="9271000" y="253745"/>
                </a:lnTo>
                <a:close/>
              </a:path>
              <a:path w="13335000" h="323850">
                <a:moveTo>
                  <a:pt x="9398000" y="243077"/>
                </a:moveTo>
                <a:lnTo>
                  <a:pt x="9398000" y="188975"/>
                </a:lnTo>
                <a:lnTo>
                  <a:pt x="9271000" y="182879"/>
                </a:lnTo>
                <a:lnTo>
                  <a:pt x="9271000" y="237743"/>
                </a:lnTo>
                <a:lnTo>
                  <a:pt x="9398000" y="243077"/>
                </a:lnTo>
                <a:close/>
              </a:path>
              <a:path w="13335000" h="323850">
                <a:moveTo>
                  <a:pt x="9525000" y="188975"/>
                </a:moveTo>
                <a:lnTo>
                  <a:pt x="9525000" y="134873"/>
                </a:lnTo>
                <a:lnTo>
                  <a:pt x="9398000" y="153923"/>
                </a:lnTo>
                <a:lnTo>
                  <a:pt x="9398000" y="198119"/>
                </a:lnTo>
                <a:lnTo>
                  <a:pt x="9525000" y="188975"/>
                </a:lnTo>
                <a:close/>
              </a:path>
              <a:path w="13335000" h="323850">
                <a:moveTo>
                  <a:pt x="9652000" y="188975"/>
                </a:moveTo>
                <a:lnTo>
                  <a:pt x="9652000" y="154685"/>
                </a:lnTo>
                <a:lnTo>
                  <a:pt x="9525000" y="137921"/>
                </a:lnTo>
                <a:lnTo>
                  <a:pt x="9525000" y="184403"/>
                </a:lnTo>
                <a:lnTo>
                  <a:pt x="9652000" y="188975"/>
                </a:lnTo>
                <a:close/>
              </a:path>
              <a:path w="13335000" h="323850">
                <a:moveTo>
                  <a:pt x="9779000" y="134873"/>
                </a:moveTo>
                <a:lnTo>
                  <a:pt x="9779000" y="92963"/>
                </a:lnTo>
                <a:lnTo>
                  <a:pt x="9652000" y="108203"/>
                </a:lnTo>
                <a:lnTo>
                  <a:pt x="9652000" y="149351"/>
                </a:lnTo>
                <a:lnTo>
                  <a:pt x="9779000" y="134873"/>
                </a:lnTo>
                <a:close/>
              </a:path>
              <a:path w="13335000" h="323850">
                <a:moveTo>
                  <a:pt x="9906000" y="170687"/>
                </a:moveTo>
                <a:lnTo>
                  <a:pt x="9906000" y="138683"/>
                </a:lnTo>
                <a:lnTo>
                  <a:pt x="9779000" y="145541"/>
                </a:lnTo>
                <a:lnTo>
                  <a:pt x="9779000" y="172973"/>
                </a:lnTo>
                <a:lnTo>
                  <a:pt x="9906000" y="170687"/>
                </a:lnTo>
                <a:close/>
              </a:path>
              <a:path w="13335000" h="323850">
                <a:moveTo>
                  <a:pt x="10033000" y="143255"/>
                </a:moveTo>
                <a:lnTo>
                  <a:pt x="10033000" y="89153"/>
                </a:lnTo>
                <a:lnTo>
                  <a:pt x="9906000" y="108203"/>
                </a:lnTo>
                <a:lnTo>
                  <a:pt x="9906000" y="150113"/>
                </a:lnTo>
                <a:lnTo>
                  <a:pt x="10033000" y="143255"/>
                </a:lnTo>
                <a:close/>
              </a:path>
              <a:path w="13335000" h="323850">
                <a:moveTo>
                  <a:pt x="10160000" y="185165"/>
                </a:moveTo>
                <a:lnTo>
                  <a:pt x="10160000" y="139445"/>
                </a:lnTo>
                <a:lnTo>
                  <a:pt x="10033000" y="137921"/>
                </a:lnTo>
                <a:lnTo>
                  <a:pt x="10033000" y="172973"/>
                </a:lnTo>
                <a:lnTo>
                  <a:pt x="10160000" y="185165"/>
                </a:lnTo>
                <a:close/>
              </a:path>
              <a:path w="13335000" h="323850">
                <a:moveTo>
                  <a:pt x="10287000" y="126491"/>
                </a:moveTo>
                <a:lnTo>
                  <a:pt x="10287000" y="0"/>
                </a:lnTo>
                <a:lnTo>
                  <a:pt x="10160000" y="0"/>
                </a:lnTo>
                <a:lnTo>
                  <a:pt x="10160000" y="108203"/>
                </a:lnTo>
                <a:lnTo>
                  <a:pt x="10287000" y="126491"/>
                </a:lnTo>
                <a:close/>
              </a:path>
              <a:path w="13335000" h="323850">
                <a:moveTo>
                  <a:pt x="10414000" y="82295"/>
                </a:moveTo>
                <a:lnTo>
                  <a:pt x="10414000" y="38861"/>
                </a:lnTo>
                <a:lnTo>
                  <a:pt x="10287000" y="36575"/>
                </a:lnTo>
                <a:lnTo>
                  <a:pt x="10287000" y="108203"/>
                </a:lnTo>
                <a:lnTo>
                  <a:pt x="10414000" y="82295"/>
                </a:lnTo>
                <a:close/>
              </a:path>
              <a:path w="13335000" h="323850">
                <a:moveTo>
                  <a:pt x="10541000" y="96011"/>
                </a:moveTo>
                <a:lnTo>
                  <a:pt x="10541000" y="59435"/>
                </a:lnTo>
                <a:lnTo>
                  <a:pt x="10414000" y="54101"/>
                </a:lnTo>
                <a:lnTo>
                  <a:pt x="10414000" y="91439"/>
                </a:lnTo>
                <a:lnTo>
                  <a:pt x="10541000" y="96011"/>
                </a:lnTo>
                <a:close/>
              </a:path>
              <a:path w="13335000" h="323850">
                <a:moveTo>
                  <a:pt x="10668000" y="177545"/>
                </a:moveTo>
                <a:lnTo>
                  <a:pt x="10668000" y="118109"/>
                </a:lnTo>
                <a:lnTo>
                  <a:pt x="10541000" y="108203"/>
                </a:lnTo>
                <a:lnTo>
                  <a:pt x="10541000" y="176783"/>
                </a:lnTo>
                <a:lnTo>
                  <a:pt x="10668000" y="177545"/>
                </a:lnTo>
                <a:close/>
              </a:path>
              <a:path w="13335000" h="323850">
                <a:moveTo>
                  <a:pt x="10795000" y="164591"/>
                </a:moveTo>
                <a:lnTo>
                  <a:pt x="10795000" y="99059"/>
                </a:lnTo>
                <a:lnTo>
                  <a:pt x="10668000" y="107441"/>
                </a:lnTo>
                <a:lnTo>
                  <a:pt x="10668000" y="167639"/>
                </a:lnTo>
                <a:lnTo>
                  <a:pt x="10795000" y="164591"/>
                </a:lnTo>
                <a:close/>
              </a:path>
              <a:path w="13335000" h="323850">
                <a:moveTo>
                  <a:pt x="10922000" y="169001"/>
                </a:moveTo>
                <a:lnTo>
                  <a:pt x="10922000" y="142503"/>
                </a:lnTo>
                <a:lnTo>
                  <a:pt x="10795000" y="144111"/>
                </a:lnTo>
                <a:lnTo>
                  <a:pt x="10795000" y="169344"/>
                </a:lnTo>
                <a:lnTo>
                  <a:pt x="10922000" y="169001"/>
                </a:lnTo>
                <a:close/>
              </a:path>
              <a:path w="13335000" h="323850">
                <a:moveTo>
                  <a:pt x="11049000" y="248411"/>
                </a:moveTo>
                <a:lnTo>
                  <a:pt x="11049000" y="227075"/>
                </a:lnTo>
                <a:lnTo>
                  <a:pt x="10922000" y="216407"/>
                </a:lnTo>
                <a:lnTo>
                  <a:pt x="10922000" y="243077"/>
                </a:lnTo>
                <a:lnTo>
                  <a:pt x="11049000" y="248411"/>
                </a:lnTo>
                <a:close/>
              </a:path>
              <a:path w="13335000" h="323850">
                <a:moveTo>
                  <a:pt x="11176000" y="188975"/>
                </a:moveTo>
                <a:lnTo>
                  <a:pt x="11176000" y="156434"/>
                </a:lnTo>
                <a:lnTo>
                  <a:pt x="11049000" y="155050"/>
                </a:lnTo>
                <a:lnTo>
                  <a:pt x="11049000" y="184403"/>
                </a:lnTo>
                <a:lnTo>
                  <a:pt x="11176000" y="188975"/>
                </a:lnTo>
                <a:close/>
              </a:path>
              <a:path w="13335000" h="323850">
                <a:moveTo>
                  <a:pt x="11303000" y="171449"/>
                </a:moveTo>
                <a:lnTo>
                  <a:pt x="11303000" y="142493"/>
                </a:lnTo>
                <a:lnTo>
                  <a:pt x="11176000" y="151637"/>
                </a:lnTo>
                <a:lnTo>
                  <a:pt x="11176000" y="178307"/>
                </a:lnTo>
                <a:lnTo>
                  <a:pt x="11303000" y="171449"/>
                </a:lnTo>
                <a:close/>
              </a:path>
              <a:path w="13335000" h="323850">
                <a:moveTo>
                  <a:pt x="11430000" y="209549"/>
                </a:moveTo>
                <a:lnTo>
                  <a:pt x="11430000" y="172211"/>
                </a:lnTo>
                <a:lnTo>
                  <a:pt x="11303000" y="168401"/>
                </a:lnTo>
                <a:lnTo>
                  <a:pt x="11303000" y="192785"/>
                </a:lnTo>
                <a:lnTo>
                  <a:pt x="11430000" y="209549"/>
                </a:lnTo>
                <a:close/>
              </a:path>
              <a:path w="13335000" h="323850">
                <a:moveTo>
                  <a:pt x="11557000" y="213359"/>
                </a:moveTo>
                <a:lnTo>
                  <a:pt x="11557000" y="171337"/>
                </a:lnTo>
                <a:lnTo>
                  <a:pt x="11430000" y="169218"/>
                </a:lnTo>
                <a:lnTo>
                  <a:pt x="11430000" y="208025"/>
                </a:lnTo>
                <a:lnTo>
                  <a:pt x="11557000" y="213359"/>
                </a:lnTo>
                <a:close/>
              </a:path>
              <a:path w="13335000" h="323850">
                <a:moveTo>
                  <a:pt x="11811000" y="174497"/>
                </a:moveTo>
                <a:lnTo>
                  <a:pt x="11811000" y="155447"/>
                </a:lnTo>
                <a:lnTo>
                  <a:pt x="11684000" y="148589"/>
                </a:lnTo>
                <a:lnTo>
                  <a:pt x="11684000" y="150875"/>
                </a:lnTo>
                <a:lnTo>
                  <a:pt x="11557000" y="149351"/>
                </a:lnTo>
                <a:lnTo>
                  <a:pt x="11557000" y="171449"/>
                </a:lnTo>
                <a:lnTo>
                  <a:pt x="11684000" y="171449"/>
                </a:lnTo>
                <a:lnTo>
                  <a:pt x="11811000" y="174497"/>
                </a:lnTo>
                <a:close/>
              </a:path>
              <a:path w="13335000" h="323850">
                <a:moveTo>
                  <a:pt x="11938000" y="174869"/>
                </a:moveTo>
                <a:lnTo>
                  <a:pt x="11938000" y="151637"/>
                </a:lnTo>
                <a:lnTo>
                  <a:pt x="11811000" y="153923"/>
                </a:lnTo>
                <a:lnTo>
                  <a:pt x="11811000" y="177374"/>
                </a:lnTo>
                <a:lnTo>
                  <a:pt x="11938000" y="174869"/>
                </a:lnTo>
                <a:close/>
              </a:path>
              <a:path w="13335000" h="323850">
                <a:moveTo>
                  <a:pt x="12065000" y="158495"/>
                </a:moveTo>
                <a:lnTo>
                  <a:pt x="12065000" y="139445"/>
                </a:lnTo>
                <a:lnTo>
                  <a:pt x="11938000" y="144017"/>
                </a:lnTo>
                <a:lnTo>
                  <a:pt x="11938000" y="161543"/>
                </a:lnTo>
                <a:lnTo>
                  <a:pt x="12065000" y="158495"/>
                </a:lnTo>
                <a:close/>
              </a:path>
              <a:path w="13335000" h="323850">
                <a:moveTo>
                  <a:pt x="12192000" y="160781"/>
                </a:moveTo>
                <a:lnTo>
                  <a:pt x="12192000" y="141926"/>
                </a:lnTo>
                <a:lnTo>
                  <a:pt x="12065000" y="144607"/>
                </a:lnTo>
                <a:lnTo>
                  <a:pt x="12065000" y="161543"/>
                </a:lnTo>
                <a:lnTo>
                  <a:pt x="12192000" y="160781"/>
                </a:lnTo>
                <a:close/>
              </a:path>
              <a:path w="13335000" h="323850">
                <a:moveTo>
                  <a:pt x="12319000" y="162305"/>
                </a:moveTo>
                <a:lnTo>
                  <a:pt x="12319000" y="130301"/>
                </a:lnTo>
                <a:lnTo>
                  <a:pt x="12192000" y="111251"/>
                </a:lnTo>
                <a:lnTo>
                  <a:pt x="12192000" y="153161"/>
                </a:lnTo>
                <a:lnTo>
                  <a:pt x="12319000" y="162305"/>
                </a:lnTo>
                <a:close/>
              </a:path>
              <a:path w="13335000" h="323850">
                <a:moveTo>
                  <a:pt x="12446000" y="41147"/>
                </a:moveTo>
                <a:lnTo>
                  <a:pt x="12446000" y="0"/>
                </a:lnTo>
                <a:lnTo>
                  <a:pt x="12319000" y="0"/>
                </a:lnTo>
                <a:lnTo>
                  <a:pt x="12319000" y="49529"/>
                </a:lnTo>
                <a:lnTo>
                  <a:pt x="12446000" y="41147"/>
                </a:lnTo>
                <a:close/>
              </a:path>
              <a:path w="13335000" h="323850">
                <a:moveTo>
                  <a:pt x="12446000" y="231647"/>
                </a:moveTo>
                <a:lnTo>
                  <a:pt x="12446000" y="169925"/>
                </a:lnTo>
                <a:lnTo>
                  <a:pt x="12319000" y="169163"/>
                </a:lnTo>
                <a:lnTo>
                  <a:pt x="12319000" y="235457"/>
                </a:lnTo>
                <a:lnTo>
                  <a:pt x="12446000" y="231647"/>
                </a:lnTo>
                <a:close/>
              </a:path>
              <a:path w="13335000" h="323850">
                <a:moveTo>
                  <a:pt x="12573000" y="20573"/>
                </a:moveTo>
                <a:lnTo>
                  <a:pt x="12573000" y="0"/>
                </a:lnTo>
                <a:lnTo>
                  <a:pt x="12446000" y="0"/>
                </a:lnTo>
                <a:lnTo>
                  <a:pt x="12573000" y="20573"/>
                </a:lnTo>
                <a:close/>
              </a:path>
              <a:path w="13335000" h="323850">
                <a:moveTo>
                  <a:pt x="12827000" y="304037"/>
                </a:moveTo>
                <a:lnTo>
                  <a:pt x="12827000" y="239267"/>
                </a:lnTo>
                <a:lnTo>
                  <a:pt x="12700000" y="216407"/>
                </a:lnTo>
                <a:lnTo>
                  <a:pt x="12700000" y="237743"/>
                </a:lnTo>
                <a:lnTo>
                  <a:pt x="12573000" y="216407"/>
                </a:lnTo>
                <a:lnTo>
                  <a:pt x="12573000" y="215645"/>
                </a:lnTo>
                <a:lnTo>
                  <a:pt x="12446000" y="195071"/>
                </a:lnTo>
                <a:lnTo>
                  <a:pt x="12446000" y="323849"/>
                </a:lnTo>
                <a:lnTo>
                  <a:pt x="12700000" y="323849"/>
                </a:lnTo>
                <a:lnTo>
                  <a:pt x="12827000" y="304037"/>
                </a:lnTo>
                <a:close/>
              </a:path>
              <a:path w="13335000" h="323850">
                <a:moveTo>
                  <a:pt x="12954000" y="323849"/>
                </a:moveTo>
                <a:lnTo>
                  <a:pt x="12954000" y="241553"/>
                </a:lnTo>
                <a:lnTo>
                  <a:pt x="12827000" y="216407"/>
                </a:lnTo>
                <a:lnTo>
                  <a:pt x="12827000" y="323849"/>
                </a:lnTo>
                <a:lnTo>
                  <a:pt x="12954000" y="323849"/>
                </a:lnTo>
                <a:close/>
              </a:path>
              <a:path w="13335000" h="323850">
                <a:moveTo>
                  <a:pt x="13081000" y="212597"/>
                </a:moveTo>
                <a:lnTo>
                  <a:pt x="13081000" y="184403"/>
                </a:lnTo>
                <a:lnTo>
                  <a:pt x="12954000" y="188975"/>
                </a:lnTo>
                <a:lnTo>
                  <a:pt x="12954000" y="216407"/>
                </a:lnTo>
                <a:lnTo>
                  <a:pt x="13081000" y="212597"/>
                </a:lnTo>
                <a:close/>
              </a:path>
              <a:path w="13335000" h="323850">
                <a:moveTo>
                  <a:pt x="13208000" y="200405"/>
                </a:moveTo>
                <a:lnTo>
                  <a:pt x="13208000" y="174497"/>
                </a:lnTo>
                <a:lnTo>
                  <a:pt x="13081000" y="172973"/>
                </a:lnTo>
                <a:lnTo>
                  <a:pt x="13081000" y="198881"/>
                </a:lnTo>
                <a:lnTo>
                  <a:pt x="13208000" y="200405"/>
                </a:lnTo>
                <a:close/>
              </a:path>
              <a:path w="13335000" h="323850">
                <a:moveTo>
                  <a:pt x="13335000" y="170687"/>
                </a:moveTo>
                <a:lnTo>
                  <a:pt x="13335000" y="147065"/>
                </a:lnTo>
                <a:lnTo>
                  <a:pt x="13208000" y="150875"/>
                </a:lnTo>
                <a:lnTo>
                  <a:pt x="13208000" y="175259"/>
                </a:lnTo>
                <a:lnTo>
                  <a:pt x="13335000" y="170687"/>
                </a:lnTo>
                <a:close/>
              </a:path>
            </a:pathLst>
          </a:custGeom>
          <a:solidFill>
            <a:srgbClr val="FFD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5" name="object 175"/>
          <p:cNvSpPr/>
          <p:nvPr/>
        </p:nvSpPr>
        <p:spPr>
          <a:xfrm>
            <a:off x="645459" y="1995543"/>
            <a:ext cx="7849496" cy="381000"/>
          </a:xfrm>
          <a:prstGeom prst="rect">
            <a:avLst/>
          </a:prstGeom>
          <a:blipFill>
            <a:blip r:embed="rId3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6" name="object 176"/>
          <p:cNvSpPr/>
          <p:nvPr/>
        </p:nvSpPr>
        <p:spPr>
          <a:xfrm>
            <a:off x="737346" y="2176630"/>
            <a:ext cx="6193865" cy="200212"/>
          </a:xfrm>
          <a:custGeom>
            <a:avLst/>
            <a:gdLst/>
            <a:ahLst/>
            <a:cxnLst/>
            <a:rect l="l" t="t" r="r" b="b"/>
            <a:pathLst>
              <a:path w="10529570" h="340360">
                <a:moveTo>
                  <a:pt x="20573" y="339851"/>
                </a:moveTo>
                <a:lnTo>
                  <a:pt x="19050" y="327659"/>
                </a:lnTo>
                <a:lnTo>
                  <a:pt x="18288" y="339851"/>
                </a:lnTo>
                <a:lnTo>
                  <a:pt x="20573" y="339851"/>
                </a:lnTo>
                <a:close/>
              </a:path>
              <a:path w="10529570" h="340360">
                <a:moveTo>
                  <a:pt x="28955" y="259079"/>
                </a:moveTo>
                <a:lnTo>
                  <a:pt x="27432" y="232409"/>
                </a:lnTo>
                <a:lnTo>
                  <a:pt x="19050" y="223265"/>
                </a:lnTo>
                <a:lnTo>
                  <a:pt x="6096" y="229361"/>
                </a:lnTo>
                <a:lnTo>
                  <a:pt x="3809" y="232409"/>
                </a:lnTo>
                <a:lnTo>
                  <a:pt x="0" y="259079"/>
                </a:lnTo>
                <a:lnTo>
                  <a:pt x="4571" y="285749"/>
                </a:lnTo>
                <a:lnTo>
                  <a:pt x="6096" y="291083"/>
                </a:lnTo>
                <a:lnTo>
                  <a:pt x="19050" y="308609"/>
                </a:lnTo>
                <a:lnTo>
                  <a:pt x="22098" y="285749"/>
                </a:lnTo>
                <a:lnTo>
                  <a:pt x="28955" y="259079"/>
                </a:lnTo>
                <a:close/>
              </a:path>
              <a:path w="10529570" h="340360">
                <a:moveTo>
                  <a:pt x="226313" y="259079"/>
                </a:moveTo>
                <a:lnTo>
                  <a:pt x="225551" y="232409"/>
                </a:lnTo>
                <a:lnTo>
                  <a:pt x="221742" y="228599"/>
                </a:lnTo>
                <a:lnTo>
                  <a:pt x="218694" y="232409"/>
                </a:lnTo>
                <a:lnTo>
                  <a:pt x="218694" y="259079"/>
                </a:lnTo>
                <a:lnTo>
                  <a:pt x="221742" y="267461"/>
                </a:lnTo>
                <a:lnTo>
                  <a:pt x="226313" y="259079"/>
                </a:lnTo>
                <a:close/>
              </a:path>
              <a:path w="10529570" h="340360">
                <a:moveTo>
                  <a:pt x="10529316" y="259079"/>
                </a:moveTo>
                <a:lnTo>
                  <a:pt x="10522458" y="232409"/>
                </a:lnTo>
                <a:lnTo>
                  <a:pt x="10517886" y="229361"/>
                </a:lnTo>
                <a:lnTo>
                  <a:pt x="10504932" y="231647"/>
                </a:lnTo>
                <a:lnTo>
                  <a:pt x="10504170" y="232409"/>
                </a:lnTo>
                <a:lnTo>
                  <a:pt x="10502646" y="259079"/>
                </a:lnTo>
                <a:lnTo>
                  <a:pt x="10504932" y="266699"/>
                </a:lnTo>
                <a:lnTo>
                  <a:pt x="10517886" y="278891"/>
                </a:lnTo>
                <a:lnTo>
                  <a:pt x="10529316" y="259079"/>
                </a:lnTo>
                <a:close/>
              </a:path>
              <a:path w="10529570" h="340360">
                <a:moveTo>
                  <a:pt x="128778" y="232409"/>
                </a:moveTo>
                <a:lnTo>
                  <a:pt x="127253" y="230885"/>
                </a:lnTo>
                <a:lnTo>
                  <a:pt x="125730" y="232409"/>
                </a:lnTo>
                <a:lnTo>
                  <a:pt x="127253" y="253745"/>
                </a:lnTo>
                <a:lnTo>
                  <a:pt x="128778" y="232409"/>
                </a:lnTo>
                <a:close/>
              </a:path>
              <a:path w="10529570" h="340360">
                <a:moveTo>
                  <a:pt x="4517136" y="124205"/>
                </a:moveTo>
                <a:lnTo>
                  <a:pt x="4507230" y="110489"/>
                </a:lnTo>
                <a:lnTo>
                  <a:pt x="4493513" y="111251"/>
                </a:lnTo>
                <a:lnTo>
                  <a:pt x="4490465" y="124205"/>
                </a:lnTo>
                <a:lnTo>
                  <a:pt x="4493513" y="128015"/>
                </a:lnTo>
                <a:lnTo>
                  <a:pt x="4507230" y="128015"/>
                </a:lnTo>
                <a:lnTo>
                  <a:pt x="4517136" y="124205"/>
                </a:lnTo>
                <a:close/>
              </a:path>
              <a:path w="10529570" h="340360">
                <a:moveTo>
                  <a:pt x="4685538" y="124205"/>
                </a:moveTo>
                <a:lnTo>
                  <a:pt x="4682490" y="118871"/>
                </a:lnTo>
                <a:lnTo>
                  <a:pt x="4679442" y="124205"/>
                </a:lnTo>
                <a:lnTo>
                  <a:pt x="4682490" y="125729"/>
                </a:lnTo>
                <a:lnTo>
                  <a:pt x="4685538" y="124205"/>
                </a:lnTo>
                <a:close/>
              </a:path>
              <a:path w="10529570" h="340360">
                <a:moveTo>
                  <a:pt x="657605" y="16001"/>
                </a:moveTo>
                <a:lnTo>
                  <a:pt x="653034" y="0"/>
                </a:lnTo>
                <a:lnTo>
                  <a:pt x="639317" y="10667"/>
                </a:lnTo>
                <a:lnTo>
                  <a:pt x="637794" y="16001"/>
                </a:lnTo>
                <a:lnTo>
                  <a:pt x="639317" y="22859"/>
                </a:lnTo>
                <a:lnTo>
                  <a:pt x="653034" y="33527"/>
                </a:lnTo>
                <a:lnTo>
                  <a:pt x="657605" y="16001"/>
                </a:lnTo>
                <a:close/>
              </a:path>
            </a:pathLst>
          </a:custGeom>
          <a:solidFill>
            <a:srgbClr val="60FF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7" name="object 177"/>
          <p:cNvSpPr/>
          <p:nvPr/>
        </p:nvSpPr>
        <p:spPr>
          <a:xfrm>
            <a:off x="874059" y="2090793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8" name="object 178"/>
          <p:cNvSpPr/>
          <p:nvPr/>
        </p:nvSpPr>
        <p:spPr>
          <a:xfrm>
            <a:off x="937484" y="2027368"/>
            <a:ext cx="0" cy="127000"/>
          </a:xfrm>
          <a:custGeom>
            <a:avLst/>
            <a:gdLst/>
            <a:ahLst/>
            <a:cxnLst/>
            <a:rect l="l" t="t" r="r" b="b"/>
            <a:pathLst>
              <a:path h="215900">
                <a:moveTo>
                  <a:pt x="0" y="0"/>
                </a:moveTo>
                <a:lnTo>
                  <a:pt x="0" y="215646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9" name="object 179"/>
          <p:cNvSpPr/>
          <p:nvPr/>
        </p:nvSpPr>
        <p:spPr>
          <a:xfrm>
            <a:off x="874059" y="2027368"/>
            <a:ext cx="127000" cy="127000"/>
          </a:xfrm>
          <a:custGeom>
            <a:avLst/>
            <a:gdLst/>
            <a:ahLst/>
            <a:cxnLst/>
            <a:rect l="l" t="t" r="r" b="b"/>
            <a:pathLst>
              <a:path w="215900" h="215900">
                <a:moveTo>
                  <a:pt x="107442" y="108203"/>
                </a:moveTo>
                <a:lnTo>
                  <a:pt x="0" y="108203"/>
                </a:lnTo>
                <a:lnTo>
                  <a:pt x="0" y="107441"/>
                </a:lnTo>
                <a:lnTo>
                  <a:pt x="107442" y="107441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7441"/>
                </a:lnTo>
                <a:lnTo>
                  <a:pt x="215646" y="107441"/>
                </a:lnTo>
                <a:lnTo>
                  <a:pt x="215646" y="108203"/>
                </a:lnTo>
                <a:lnTo>
                  <a:pt x="108204" y="108203"/>
                </a:lnTo>
                <a:lnTo>
                  <a:pt x="108204" y="215645"/>
                </a:lnTo>
                <a:lnTo>
                  <a:pt x="107442" y="215645"/>
                </a:lnTo>
                <a:lnTo>
                  <a:pt x="107442" y="108203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0" name="object 180"/>
          <p:cNvSpPr/>
          <p:nvPr/>
        </p:nvSpPr>
        <p:spPr>
          <a:xfrm>
            <a:off x="1012563" y="2051125"/>
            <a:ext cx="161364" cy="233978"/>
          </a:xfrm>
          <a:prstGeom prst="rect">
            <a:avLst/>
          </a:prstGeom>
          <a:blipFill>
            <a:blip r:embed="rId3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1" name="object 181"/>
          <p:cNvSpPr/>
          <p:nvPr/>
        </p:nvSpPr>
        <p:spPr>
          <a:xfrm>
            <a:off x="2522668" y="2090793"/>
            <a:ext cx="126626" cy="0"/>
          </a:xfrm>
          <a:custGeom>
            <a:avLst/>
            <a:gdLst/>
            <a:ahLst/>
            <a:cxnLst/>
            <a:rect l="l" t="t" r="r" b="b"/>
            <a:pathLst>
              <a:path w="215264">
                <a:moveTo>
                  <a:pt x="0" y="0"/>
                </a:moveTo>
                <a:lnTo>
                  <a:pt x="214883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2" name="object 182"/>
          <p:cNvSpPr/>
          <p:nvPr/>
        </p:nvSpPr>
        <p:spPr>
          <a:xfrm>
            <a:off x="2522668" y="2027368"/>
            <a:ext cx="126626" cy="127000"/>
          </a:xfrm>
          <a:custGeom>
            <a:avLst/>
            <a:gdLst/>
            <a:ahLst/>
            <a:cxnLst/>
            <a:rect l="l" t="t" r="r" b="b"/>
            <a:pathLst>
              <a:path w="215264" h="215900">
                <a:moveTo>
                  <a:pt x="107441" y="108203"/>
                </a:moveTo>
                <a:lnTo>
                  <a:pt x="0" y="108203"/>
                </a:lnTo>
                <a:lnTo>
                  <a:pt x="0" y="107441"/>
                </a:lnTo>
                <a:lnTo>
                  <a:pt x="107441" y="107441"/>
                </a:lnTo>
                <a:lnTo>
                  <a:pt x="107441" y="0"/>
                </a:lnTo>
                <a:lnTo>
                  <a:pt x="107441" y="107441"/>
                </a:lnTo>
                <a:lnTo>
                  <a:pt x="214883" y="107441"/>
                </a:lnTo>
                <a:lnTo>
                  <a:pt x="214883" y="108203"/>
                </a:lnTo>
                <a:lnTo>
                  <a:pt x="107441" y="108203"/>
                </a:lnTo>
                <a:lnTo>
                  <a:pt x="107441" y="215645"/>
                </a:lnTo>
                <a:lnTo>
                  <a:pt x="107441" y="108203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3" name="object 183"/>
          <p:cNvSpPr/>
          <p:nvPr/>
        </p:nvSpPr>
        <p:spPr>
          <a:xfrm>
            <a:off x="2660725" y="2051124"/>
            <a:ext cx="161364" cy="228600"/>
          </a:xfrm>
          <a:prstGeom prst="rect">
            <a:avLst/>
          </a:prstGeom>
          <a:blipFill>
            <a:blip r:embed="rId3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4" name="object 184"/>
          <p:cNvSpPr/>
          <p:nvPr/>
        </p:nvSpPr>
        <p:spPr>
          <a:xfrm>
            <a:off x="4087906" y="2090793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5" name="object 185"/>
          <p:cNvSpPr/>
          <p:nvPr/>
        </p:nvSpPr>
        <p:spPr>
          <a:xfrm>
            <a:off x="4151331" y="2027368"/>
            <a:ext cx="0" cy="127000"/>
          </a:xfrm>
          <a:custGeom>
            <a:avLst/>
            <a:gdLst/>
            <a:ahLst/>
            <a:cxnLst/>
            <a:rect l="l" t="t" r="r" b="b"/>
            <a:pathLst>
              <a:path h="215900">
                <a:moveTo>
                  <a:pt x="0" y="0"/>
                </a:moveTo>
                <a:lnTo>
                  <a:pt x="0" y="215646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6" name="object 186"/>
          <p:cNvSpPr/>
          <p:nvPr/>
        </p:nvSpPr>
        <p:spPr>
          <a:xfrm>
            <a:off x="4087906" y="2027368"/>
            <a:ext cx="127000" cy="127000"/>
          </a:xfrm>
          <a:custGeom>
            <a:avLst/>
            <a:gdLst/>
            <a:ahLst/>
            <a:cxnLst/>
            <a:rect l="l" t="t" r="r" b="b"/>
            <a:pathLst>
              <a:path w="215900" h="215900">
                <a:moveTo>
                  <a:pt x="107442" y="108203"/>
                </a:moveTo>
                <a:lnTo>
                  <a:pt x="0" y="108203"/>
                </a:lnTo>
                <a:lnTo>
                  <a:pt x="0" y="107441"/>
                </a:lnTo>
                <a:lnTo>
                  <a:pt x="107442" y="107441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7441"/>
                </a:lnTo>
                <a:lnTo>
                  <a:pt x="215646" y="107441"/>
                </a:lnTo>
                <a:lnTo>
                  <a:pt x="215646" y="108203"/>
                </a:lnTo>
                <a:lnTo>
                  <a:pt x="108204" y="108203"/>
                </a:lnTo>
                <a:lnTo>
                  <a:pt x="108204" y="215645"/>
                </a:lnTo>
                <a:lnTo>
                  <a:pt x="107442" y="215645"/>
                </a:lnTo>
                <a:lnTo>
                  <a:pt x="107442" y="108203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7" name="object 187"/>
          <p:cNvSpPr/>
          <p:nvPr/>
        </p:nvSpPr>
        <p:spPr>
          <a:xfrm>
            <a:off x="4226410" y="2051124"/>
            <a:ext cx="161364" cy="228600"/>
          </a:xfrm>
          <a:prstGeom prst="rect">
            <a:avLst/>
          </a:prstGeom>
          <a:blipFill>
            <a:blip r:embed="rId3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8" name="object 188"/>
          <p:cNvSpPr/>
          <p:nvPr/>
        </p:nvSpPr>
        <p:spPr>
          <a:xfrm>
            <a:off x="5677348" y="2090793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9" name="object 189"/>
          <p:cNvSpPr/>
          <p:nvPr/>
        </p:nvSpPr>
        <p:spPr>
          <a:xfrm>
            <a:off x="5740774" y="2027368"/>
            <a:ext cx="0" cy="127000"/>
          </a:xfrm>
          <a:custGeom>
            <a:avLst/>
            <a:gdLst/>
            <a:ahLst/>
            <a:cxnLst/>
            <a:rect l="l" t="t" r="r" b="b"/>
            <a:pathLst>
              <a:path h="215900">
                <a:moveTo>
                  <a:pt x="0" y="0"/>
                </a:moveTo>
                <a:lnTo>
                  <a:pt x="0" y="215646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0" name="object 190"/>
          <p:cNvSpPr/>
          <p:nvPr/>
        </p:nvSpPr>
        <p:spPr>
          <a:xfrm>
            <a:off x="5677348" y="2027368"/>
            <a:ext cx="127000" cy="127000"/>
          </a:xfrm>
          <a:custGeom>
            <a:avLst/>
            <a:gdLst/>
            <a:ahLst/>
            <a:cxnLst/>
            <a:rect l="l" t="t" r="r" b="b"/>
            <a:pathLst>
              <a:path w="215900" h="215900">
                <a:moveTo>
                  <a:pt x="107442" y="108203"/>
                </a:moveTo>
                <a:lnTo>
                  <a:pt x="0" y="108203"/>
                </a:lnTo>
                <a:lnTo>
                  <a:pt x="0" y="107441"/>
                </a:lnTo>
                <a:lnTo>
                  <a:pt x="107442" y="107441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7441"/>
                </a:lnTo>
                <a:lnTo>
                  <a:pt x="215646" y="107441"/>
                </a:lnTo>
                <a:lnTo>
                  <a:pt x="215646" y="108203"/>
                </a:lnTo>
                <a:lnTo>
                  <a:pt x="108204" y="108203"/>
                </a:lnTo>
                <a:lnTo>
                  <a:pt x="108204" y="215645"/>
                </a:lnTo>
                <a:lnTo>
                  <a:pt x="107442" y="215645"/>
                </a:lnTo>
                <a:lnTo>
                  <a:pt x="107442" y="108203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1" name="object 191"/>
          <p:cNvSpPr/>
          <p:nvPr/>
        </p:nvSpPr>
        <p:spPr>
          <a:xfrm>
            <a:off x="5815405" y="2051125"/>
            <a:ext cx="161364" cy="233978"/>
          </a:xfrm>
          <a:prstGeom prst="rect">
            <a:avLst/>
          </a:prstGeom>
          <a:blipFill>
            <a:blip r:embed="rId3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2" name="object 192"/>
          <p:cNvSpPr/>
          <p:nvPr/>
        </p:nvSpPr>
        <p:spPr>
          <a:xfrm>
            <a:off x="7221070" y="2090793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3" name="object 193"/>
          <p:cNvSpPr/>
          <p:nvPr/>
        </p:nvSpPr>
        <p:spPr>
          <a:xfrm>
            <a:off x="7284496" y="2027368"/>
            <a:ext cx="0" cy="127000"/>
          </a:xfrm>
          <a:custGeom>
            <a:avLst/>
            <a:gdLst/>
            <a:ahLst/>
            <a:cxnLst/>
            <a:rect l="l" t="t" r="r" b="b"/>
            <a:pathLst>
              <a:path h="215900">
                <a:moveTo>
                  <a:pt x="0" y="0"/>
                </a:moveTo>
                <a:lnTo>
                  <a:pt x="0" y="215646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4" name="object 194"/>
          <p:cNvSpPr/>
          <p:nvPr/>
        </p:nvSpPr>
        <p:spPr>
          <a:xfrm>
            <a:off x="7221070" y="2027368"/>
            <a:ext cx="127000" cy="127000"/>
          </a:xfrm>
          <a:custGeom>
            <a:avLst/>
            <a:gdLst/>
            <a:ahLst/>
            <a:cxnLst/>
            <a:rect l="l" t="t" r="r" b="b"/>
            <a:pathLst>
              <a:path w="215900" h="215900">
                <a:moveTo>
                  <a:pt x="107442" y="108203"/>
                </a:moveTo>
                <a:lnTo>
                  <a:pt x="0" y="108203"/>
                </a:lnTo>
                <a:lnTo>
                  <a:pt x="0" y="107441"/>
                </a:lnTo>
                <a:lnTo>
                  <a:pt x="107442" y="107441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7441"/>
                </a:lnTo>
                <a:lnTo>
                  <a:pt x="215646" y="107441"/>
                </a:lnTo>
                <a:lnTo>
                  <a:pt x="215646" y="108203"/>
                </a:lnTo>
                <a:lnTo>
                  <a:pt x="108204" y="108203"/>
                </a:lnTo>
                <a:lnTo>
                  <a:pt x="108204" y="215645"/>
                </a:lnTo>
                <a:lnTo>
                  <a:pt x="107442" y="215645"/>
                </a:lnTo>
                <a:lnTo>
                  <a:pt x="107442" y="108203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5" name="object 195"/>
          <p:cNvSpPr/>
          <p:nvPr/>
        </p:nvSpPr>
        <p:spPr>
          <a:xfrm>
            <a:off x="7359127" y="2051125"/>
            <a:ext cx="161364" cy="233978"/>
          </a:xfrm>
          <a:prstGeom prst="rect">
            <a:avLst/>
          </a:prstGeom>
          <a:blipFill>
            <a:blip r:embed="rId4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6" name="object 196"/>
          <p:cNvSpPr/>
          <p:nvPr/>
        </p:nvSpPr>
        <p:spPr>
          <a:xfrm>
            <a:off x="1674159" y="2281293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7" name="object 197"/>
          <p:cNvSpPr/>
          <p:nvPr/>
        </p:nvSpPr>
        <p:spPr>
          <a:xfrm>
            <a:off x="1737584" y="2217868"/>
            <a:ext cx="0" cy="127000"/>
          </a:xfrm>
          <a:custGeom>
            <a:avLst/>
            <a:gdLst/>
            <a:ahLst/>
            <a:cxnLst/>
            <a:rect l="l" t="t" r="r" b="b"/>
            <a:pathLst>
              <a:path h="215900">
                <a:moveTo>
                  <a:pt x="0" y="0"/>
                </a:moveTo>
                <a:lnTo>
                  <a:pt x="0" y="215646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8" name="object 198"/>
          <p:cNvSpPr/>
          <p:nvPr/>
        </p:nvSpPr>
        <p:spPr>
          <a:xfrm>
            <a:off x="1674159" y="2217868"/>
            <a:ext cx="127000" cy="127000"/>
          </a:xfrm>
          <a:custGeom>
            <a:avLst/>
            <a:gdLst/>
            <a:ahLst/>
            <a:cxnLst/>
            <a:rect l="l" t="t" r="r" b="b"/>
            <a:pathLst>
              <a:path w="215900" h="215900">
                <a:moveTo>
                  <a:pt x="107442" y="108203"/>
                </a:moveTo>
                <a:lnTo>
                  <a:pt x="0" y="108203"/>
                </a:lnTo>
                <a:lnTo>
                  <a:pt x="0" y="107441"/>
                </a:lnTo>
                <a:lnTo>
                  <a:pt x="107442" y="107441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7441"/>
                </a:lnTo>
                <a:lnTo>
                  <a:pt x="215646" y="107441"/>
                </a:lnTo>
                <a:lnTo>
                  <a:pt x="215646" y="108203"/>
                </a:lnTo>
                <a:lnTo>
                  <a:pt x="108204" y="108203"/>
                </a:lnTo>
                <a:lnTo>
                  <a:pt x="108204" y="215645"/>
                </a:lnTo>
                <a:lnTo>
                  <a:pt x="107442" y="215645"/>
                </a:lnTo>
                <a:lnTo>
                  <a:pt x="107442" y="108203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9" name="object 199"/>
          <p:cNvSpPr/>
          <p:nvPr/>
        </p:nvSpPr>
        <p:spPr>
          <a:xfrm>
            <a:off x="1812216" y="2241624"/>
            <a:ext cx="182879" cy="153296"/>
          </a:xfrm>
          <a:prstGeom prst="rect">
            <a:avLst/>
          </a:prstGeom>
          <a:blipFill>
            <a:blip r:embed="rId4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0" name="object 200"/>
          <p:cNvSpPr/>
          <p:nvPr/>
        </p:nvSpPr>
        <p:spPr>
          <a:xfrm>
            <a:off x="3314700" y="2281293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5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1" name="object 201"/>
          <p:cNvSpPr/>
          <p:nvPr/>
        </p:nvSpPr>
        <p:spPr>
          <a:xfrm>
            <a:off x="3378125" y="2217868"/>
            <a:ext cx="0" cy="127000"/>
          </a:xfrm>
          <a:custGeom>
            <a:avLst/>
            <a:gdLst/>
            <a:ahLst/>
            <a:cxnLst/>
            <a:rect l="l" t="t" r="r" b="b"/>
            <a:pathLst>
              <a:path h="215900">
                <a:moveTo>
                  <a:pt x="0" y="0"/>
                </a:moveTo>
                <a:lnTo>
                  <a:pt x="0" y="215646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2" name="object 202"/>
          <p:cNvSpPr/>
          <p:nvPr/>
        </p:nvSpPr>
        <p:spPr>
          <a:xfrm>
            <a:off x="3314700" y="2217868"/>
            <a:ext cx="127000" cy="127000"/>
          </a:xfrm>
          <a:custGeom>
            <a:avLst/>
            <a:gdLst/>
            <a:ahLst/>
            <a:cxnLst/>
            <a:rect l="l" t="t" r="r" b="b"/>
            <a:pathLst>
              <a:path w="215900" h="215900">
                <a:moveTo>
                  <a:pt x="107441" y="108203"/>
                </a:moveTo>
                <a:lnTo>
                  <a:pt x="0" y="108203"/>
                </a:lnTo>
                <a:lnTo>
                  <a:pt x="0" y="107441"/>
                </a:lnTo>
                <a:lnTo>
                  <a:pt x="107441" y="107441"/>
                </a:lnTo>
                <a:lnTo>
                  <a:pt x="107441" y="0"/>
                </a:lnTo>
                <a:lnTo>
                  <a:pt x="108203" y="0"/>
                </a:lnTo>
                <a:lnTo>
                  <a:pt x="108203" y="107441"/>
                </a:lnTo>
                <a:lnTo>
                  <a:pt x="215645" y="107441"/>
                </a:lnTo>
                <a:lnTo>
                  <a:pt x="215645" y="108203"/>
                </a:lnTo>
                <a:lnTo>
                  <a:pt x="108203" y="108203"/>
                </a:lnTo>
                <a:lnTo>
                  <a:pt x="108203" y="215645"/>
                </a:lnTo>
                <a:lnTo>
                  <a:pt x="107441" y="215645"/>
                </a:lnTo>
                <a:lnTo>
                  <a:pt x="107441" y="108203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3" name="object 203"/>
          <p:cNvSpPr/>
          <p:nvPr/>
        </p:nvSpPr>
        <p:spPr>
          <a:xfrm>
            <a:off x="3453205" y="2241625"/>
            <a:ext cx="182879" cy="155985"/>
          </a:xfrm>
          <a:prstGeom prst="rect">
            <a:avLst/>
          </a:prstGeom>
          <a:blipFill>
            <a:blip r:embed="rId4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4" name="object 204"/>
          <p:cNvSpPr/>
          <p:nvPr/>
        </p:nvSpPr>
        <p:spPr>
          <a:xfrm>
            <a:off x="4881731" y="2281293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5" name="object 205"/>
          <p:cNvSpPr/>
          <p:nvPr/>
        </p:nvSpPr>
        <p:spPr>
          <a:xfrm>
            <a:off x="4945156" y="2217868"/>
            <a:ext cx="0" cy="127000"/>
          </a:xfrm>
          <a:custGeom>
            <a:avLst/>
            <a:gdLst/>
            <a:ahLst/>
            <a:cxnLst/>
            <a:rect l="l" t="t" r="r" b="b"/>
            <a:pathLst>
              <a:path h="215900">
                <a:moveTo>
                  <a:pt x="0" y="0"/>
                </a:moveTo>
                <a:lnTo>
                  <a:pt x="0" y="215646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6" name="object 206"/>
          <p:cNvSpPr/>
          <p:nvPr/>
        </p:nvSpPr>
        <p:spPr>
          <a:xfrm>
            <a:off x="4881731" y="2217868"/>
            <a:ext cx="127000" cy="127000"/>
          </a:xfrm>
          <a:custGeom>
            <a:avLst/>
            <a:gdLst/>
            <a:ahLst/>
            <a:cxnLst/>
            <a:rect l="l" t="t" r="r" b="b"/>
            <a:pathLst>
              <a:path w="215900" h="215900">
                <a:moveTo>
                  <a:pt x="107442" y="108203"/>
                </a:moveTo>
                <a:lnTo>
                  <a:pt x="0" y="108203"/>
                </a:lnTo>
                <a:lnTo>
                  <a:pt x="0" y="107441"/>
                </a:lnTo>
                <a:lnTo>
                  <a:pt x="107442" y="107441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7441"/>
                </a:lnTo>
                <a:lnTo>
                  <a:pt x="215646" y="107441"/>
                </a:lnTo>
                <a:lnTo>
                  <a:pt x="215646" y="108203"/>
                </a:lnTo>
                <a:lnTo>
                  <a:pt x="108204" y="108203"/>
                </a:lnTo>
                <a:lnTo>
                  <a:pt x="108204" y="215645"/>
                </a:lnTo>
                <a:lnTo>
                  <a:pt x="107442" y="215645"/>
                </a:lnTo>
                <a:lnTo>
                  <a:pt x="107442" y="108203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7" name="object 207"/>
          <p:cNvSpPr/>
          <p:nvPr/>
        </p:nvSpPr>
        <p:spPr>
          <a:xfrm>
            <a:off x="5020236" y="2241625"/>
            <a:ext cx="182879" cy="155985"/>
          </a:xfrm>
          <a:prstGeom prst="rect">
            <a:avLst/>
          </a:prstGeom>
          <a:blipFill>
            <a:blip r:embed="rId4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8" name="object 208"/>
          <p:cNvSpPr/>
          <p:nvPr/>
        </p:nvSpPr>
        <p:spPr>
          <a:xfrm>
            <a:off x="6475655" y="2281293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9" name="object 209"/>
          <p:cNvSpPr/>
          <p:nvPr/>
        </p:nvSpPr>
        <p:spPr>
          <a:xfrm>
            <a:off x="6539080" y="2217868"/>
            <a:ext cx="0" cy="127000"/>
          </a:xfrm>
          <a:custGeom>
            <a:avLst/>
            <a:gdLst/>
            <a:ahLst/>
            <a:cxnLst/>
            <a:rect l="l" t="t" r="r" b="b"/>
            <a:pathLst>
              <a:path h="215900">
                <a:moveTo>
                  <a:pt x="0" y="0"/>
                </a:moveTo>
                <a:lnTo>
                  <a:pt x="0" y="215646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0" name="object 210"/>
          <p:cNvSpPr/>
          <p:nvPr/>
        </p:nvSpPr>
        <p:spPr>
          <a:xfrm>
            <a:off x="6475655" y="2217868"/>
            <a:ext cx="127000" cy="127000"/>
          </a:xfrm>
          <a:custGeom>
            <a:avLst/>
            <a:gdLst/>
            <a:ahLst/>
            <a:cxnLst/>
            <a:rect l="l" t="t" r="r" b="b"/>
            <a:pathLst>
              <a:path w="215900" h="215900">
                <a:moveTo>
                  <a:pt x="107442" y="108203"/>
                </a:moveTo>
                <a:lnTo>
                  <a:pt x="0" y="108203"/>
                </a:lnTo>
                <a:lnTo>
                  <a:pt x="0" y="107441"/>
                </a:lnTo>
                <a:lnTo>
                  <a:pt x="107442" y="107441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7441"/>
                </a:lnTo>
                <a:lnTo>
                  <a:pt x="215646" y="107441"/>
                </a:lnTo>
                <a:lnTo>
                  <a:pt x="215646" y="108203"/>
                </a:lnTo>
                <a:lnTo>
                  <a:pt x="108204" y="108203"/>
                </a:lnTo>
                <a:lnTo>
                  <a:pt x="108204" y="215645"/>
                </a:lnTo>
                <a:lnTo>
                  <a:pt x="107442" y="215645"/>
                </a:lnTo>
                <a:lnTo>
                  <a:pt x="107442" y="108203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1" name="object 211"/>
          <p:cNvSpPr/>
          <p:nvPr/>
        </p:nvSpPr>
        <p:spPr>
          <a:xfrm>
            <a:off x="6613712" y="2241624"/>
            <a:ext cx="182879" cy="153296"/>
          </a:xfrm>
          <a:prstGeom prst="rect">
            <a:avLst/>
          </a:prstGeom>
          <a:blipFill>
            <a:blip r:embed="rId4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2" name="object 212"/>
          <p:cNvSpPr/>
          <p:nvPr/>
        </p:nvSpPr>
        <p:spPr>
          <a:xfrm>
            <a:off x="8012206" y="2281293"/>
            <a:ext cx="127000" cy="0"/>
          </a:xfrm>
          <a:custGeom>
            <a:avLst/>
            <a:gdLst/>
            <a:ahLst/>
            <a:cxnLst/>
            <a:rect l="l" t="t" r="r" b="b"/>
            <a:pathLst>
              <a:path w="215900">
                <a:moveTo>
                  <a:pt x="0" y="0"/>
                </a:moveTo>
                <a:lnTo>
                  <a:pt x="215646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3" name="object 213"/>
          <p:cNvSpPr/>
          <p:nvPr/>
        </p:nvSpPr>
        <p:spPr>
          <a:xfrm>
            <a:off x="8075631" y="2217868"/>
            <a:ext cx="0" cy="127000"/>
          </a:xfrm>
          <a:custGeom>
            <a:avLst/>
            <a:gdLst/>
            <a:ahLst/>
            <a:cxnLst/>
            <a:rect l="l" t="t" r="r" b="b"/>
            <a:pathLst>
              <a:path h="215900">
                <a:moveTo>
                  <a:pt x="0" y="0"/>
                </a:moveTo>
                <a:lnTo>
                  <a:pt x="0" y="215646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4" name="object 214"/>
          <p:cNvSpPr/>
          <p:nvPr/>
        </p:nvSpPr>
        <p:spPr>
          <a:xfrm>
            <a:off x="8012206" y="2217868"/>
            <a:ext cx="127000" cy="127000"/>
          </a:xfrm>
          <a:custGeom>
            <a:avLst/>
            <a:gdLst/>
            <a:ahLst/>
            <a:cxnLst/>
            <a:rect l="l" t="t" r="r" b="b"/>
            <a:pathLst>
              <a:path w="215900" h="215900">
                <a:moveTo>
                  <a:pt x="107442" y="108203"/>
                </a:moveTo>
                <a:lnTo>
                  <a:pt x="0" y="108203"/>
                </a:lnTo>
                <a:lnTo>
                  <a:pt x="0" y="107441"/>
                </a:lnTo>
                <a:lnTo>
                  <a:pt x="107442" y="107441"/>
                </a:lnTo>
                <a:lnTo>
                  <a:pt x="107442" y="0"/>
                </a:lnTo>
                <a:lnTo>
                  <a:pt x="108204" y="0"/>
                </a:lnTo>
                <a:lnTo>
                  <a:pt x="108204" y="107441"/>
                </a:lnTo>
                <a:lnTo>
                  <a:pt x="215646" y="107441"/>
                </a:lnTo>
                <a:lnTo>
                  <a:pt x="215646" y="108203"/>
                </a:lnTo>
                <a:lnTo>
                  <a:pt x="108204" y="108203"/>
                </a:lnTo>
                <a:lnTo>
                  <a:pt x="108204" y="215645"/>
                </a:lnTo>
                <a:lnTo>
                  <a:pt x="107442" y="215645"/>
                </a:lnTo>
                <a:lnTo>
                  <a:pt x="107442" y="108203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5" name="object 215"/>
          <p:cNvSpPr/>
          <p:nvPr/>
        </p:nvSpPr>
        <p:spPr>
          <a:xfrm>
            <a:off x="8150711" y="2241625"/>
            <a:ext cx="182879" cy="155985"/>
          </a:xfrm>
          <a:prstGeom prst="rect">
            <a:avLst/>
          </a:prstGeom>
          <a:blipFill>
            <a:blip r:embed="rId4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6" name="object 216"/>
          <p:cNvSpPr/>
          <p:nvPr/>
        </p:nvSpPr>
        <p:spPr>
          <a:xfrm>
            <a:off x="620357" y="2376543"/>
            <a:ext cx="7899400" cy="0"/>
          </a:xfrm>
          <a:custGeom>
            <a:avLst/>
            <a:gdLst/>
            <a:ahLst/>
            <a:cxnLst/>
            <a:rect l="l" t="t" r="r" b="b"/>
            <a:pathLst>
              <a:path w="13428980">
                <a:moveTo>
                  <a:pt x="13428726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7" name="object 217"/>
          <p:cNvSpPr/>
          <p:nvPr/>
        </p:nvSpPr>
        <p:spPr>
          <a:xfrm>
            <a:off x="645459" y="1995544"/>
            <a:ext cx="0" cy="406774"/>
          </a:xfrm>
          <a:custGeom>
            <a:avLst/>
            <a:gdLst/>
            <a:ahLst/>
            <a:cxnLst/>
            <a:rect l="l" t="t" r="r" b="b"/>
            <a:pathLst>
              <a:path h="691514">
                <a:moveTo>
                  <a:pt x="0" y="0"/>
                </a:moveTo>
                <a:lnTo>
                  <a:pt x="0" y="691133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8" name="object 218"/>
          <p:cNvSpPr/>
          <p:nvPr/>
        </p:nvSpPr>
        <p:spPr>
          <a:xfrm>
            <a:off x="804134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9" name="object 219"/>
          <p:cNvSpPr/>
          <p:nvPr/>
        </p:nvSpPr>
        <p:spPr>
          <a:xfrm>
            <a:off x="1121484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0" name="object 220"/>
          <p:cNvSpPr/>
          <p:nvPr/>
        </p:nvSpPr>
        <p:spPr>
          <a:xfrm>
            <a:off x="1279712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1" name="object 221"/>
          <p:cNvSpPr/>
          <p:nvPr/>
        </p:nvSpPr>
        <p:spPr>
          <a:xfrm>
            <a:off x="1438386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2" name="object 222"/>
          <p:cNvSpPr/>
          <p:nvPr/>
        </p:nvSpPr>
        <p:spPr>
          <a:xfrm>
            <a:off x="1597062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3" name="object 223"/>
          <p:cNvSpPr/>
          <p:nvPr/>
        </p:nvSpPr>
        <p:spPr>
          <a:xfrm>
            <a:off x="1913965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4" name="object 224"/>
          <p:cNvSpPr/>
          <p:nvPr/>
        </p:nvSpPr>
        <p:spPr>
          <a:xfrm>
            <a:off x="2072640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5" name="object 225"/>
          <p:cNvSpPr/>
          <p:nvPr/>
        </p:nvSpPr>
        <p:spPr>
          <a:xfrm>
            <a:off x="2231315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6" name="object 226"/>
          <p:cNvSpPr/>
          <p:nvPr/>
        </p:nvSpPr>
        <p:spPr>
          <a:xfrm>
            <a:off x="2389542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7" name="object 227"/>
          <p:cNvSpPr/>
          <p:nvPr/>
        </p:nvSpPr>
        <p:spPr>
          <a:xfrm>
            <a:off x="2706892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8" name="object 228"/>
          <p:cNvSpPr/>
          <p:nvPr/>
        </p:nvSpPr>
        <p:spPr>
          <a:xfrm>
            <a:off x="2865568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9" name="object 229"/>
          <p:cNvSpPr/>
          <p:nvPr/>
        </p:nvSpPr>
        <p:spPr>
          <a:xfrm>
            <a:off x="3023795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0" name="object 230"/>
          <p:cNvSpPr/>
          <p:nvPr/>
        </p:nvSpPr>
        <p:spPr>
          <a:xfrm>
            <a:off x="3182471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1" name="object 231"/>
          <p:cNvSpPr/>
          <p:nvPr/>
        </p:nvSpPr>
        <p:spPr>
          <a:xfrm>
            <a:off x="3499821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2" name="object 232"/>
          <p:cNvSpPr/>
          <p:nvPr/>
        </p:nvSpPr>
        <p:spPr>
          <a:xfrm>
            <a:off x="3658048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3" name="object 233"/>
          <p:cNvSpPr/>
          <p:nvPr/>
        </p:nvSpPr>
        <p:spPr>
          <a:xfrm>
            <a:off x="3816723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4" name="object 234"/>
          <p:cNvSpPr/>
          <p:nvPr/>
        </p:nvSpPr>
        <p:spPr>
          <a:xfrm>
            <a:off x="3975399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5" name="object 235"/>
          <p:cNvSpPr/>
          <p:nvPr/>
        </p:nvSpPr>
        <p:spPr>
          <a:xfrm>
            <a:off x="4292301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6" name="object 236"/>
          <p:cNvSpPr/>
          <p:nvPr/>
        </p:nvSpPr>
        <p:spPr>
          <a:xfrm>
            <a:off x="4450976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7" name="object 237"/>
          <p:cNvSpPr/>
          <p:nvPr/>
        </p:nvSpPr>
        <p:spPr>
          <a:xfrm>
            <a:off x="4609651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8" name="object 238"/>
          <p:cNvSpPr/>
          <p:nvPr/>
        </p:nvSpPr>
        <p:spPr>
          <a:xfrm>
            <a:off x="4768327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9" name="object 239"/>
          <p:cNvSpPr/>
          <p:nvPr/>
        </p:nvSpPr>
        <p:spPr>
          <a:xfrm>
            <a:off x="5085229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0" name="object 240"/>
          <p:cNvSpPr/>
          <p:nvPr/>
        </p:nvSpPr>
        <p:spPr>
          <a:xfrm>
            <a:off x="5243905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1" name="object 241"/>
          <p:cNvSpPr/>
          <p:nvPr/>
        </p:nvSpPr>
        <p:spPr>
          <a:xfrm>
            <a:off x="5402131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2" name="object 242"/>
          <p:cNvSpPr/>
          <p:nvPr/>
        </p:nvSpPr>
        <p:spPr>
          <a:xfrm>
            <a:off x="5560806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3" name="object 243"/>
          <p:cNvSpPr/>
          <p:nvPr/>
        </p:nvSpPr>
        <p:spPr>
          <a:xfrm>
            <a:off x="5878158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4" name="object 244"/>
          <p:cNvSpPr/>
          <p:nvPr/>
        </p:nvSpPr>
        <p:spPr>
          <a:xfrm>
            <a:off x="6036385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5" name="object 245"/>
          <p:cNvSpPr/>
          <p:nvPr/>
        </p:nvSpPr>
        <p:spPr>
          <a:xfrm>
            <a:off x="6195060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6" name="object 246"/>
          <p:cNvSpPr/>
          <p:nvPr/>
        </p:nvSpPr>
        <p:spPr>
          <a:xfrm>
            <a:off x="6353735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7" name="object 247"/>
          <p:cNvSpPr/>
          <p:nvPr/>
        </p:nvSpPr>
        <p:spPr>
          <a:xfrm>
            <a:off x="6670637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8" name="object 248"/>
          <p:cNvSpPr/>
          <p:nvPr/>
        </p:nvSpPr>
        <p:spPr>
          <a:xfrm>
            <a:off x="6829312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9" name="object 249"/>
          <p:cNvSpPr/>
          <p:nvPr/>
        </p:nvSpPr>
        <p:spPr>
          <a:xfrm>
            <a:off x="6987988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0" name="object 250"/>
          <p:cNvSpPr/>
          <p:nvPr/>
        </p:nvSpPr>
        <p:spPr>
          <a:xfrm>
            <a:off x="7146664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1" name="object 251"/>
          <p:cNvSpPr/>
          <p:nvPr/>
        </p:nvSpPr>
        <p:spPr>
          <a:xfrm>
            <a:off x="7463565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2" name="object 252"/>
          <p:cNvSpPr/>
          <p:nvPr/>
        </p:nvSpPr>
        <p:spPr>
          <a:xfrm>
            <a:off x="7622241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3" name="object 253"/>
          <p:cNvSpPr/>
          <p:nvPr/>
        </p:nvSpPr>
        <p:spPr>
          <a:xfrm>
            <a:off x="7780916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4" name="object 254"/>
          <p:cNvSpPr/>
          <p:nvPr/>
        </p:nvSpPr>
        <p:spPr>
          <a:xfrm>
            <a:off x="7939143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5" name="object 255"/>
          <p:cNvSpPr/>
          <p:nvPr/>
        </p:nvSpPr>
        <p:spPr>
          <a:xfrm>
            <a:off x="8256494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6" name="object 256"/>
          <p:cNvSpPr/>
          <p:nvPr/>
        </p:nvSpPr>
        <p:spPr>
          <a:xfrm>
            <a:off x="8415169" y="2376543"/>
            <a:ext cx="0" cy="25774"/>
          </a:xfrm>
          <a:custGeom>
            <a:avLst/>
            <a:gdLst/>
            <a:ahLst/>
            <a:cxnLst/>
            <a:rect l="l" t="t" r="r" b="b"/>
            <a:pathLst>
              <a:path h="43814">
                <a:moveTo>
                  <a:pt x="0" y="43433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7" name="object 257"/>
          <p:cNvSpPr/>
          <p:nvPr/>
        </p:nvSpPr>
        <p:spPr>
          <a:xfrm>
            <a:off x="962809" y="2376543"/>
            <a:ext cx="0" cy="38099"/>
          </a:xfrm>
          <a:custGeom>
            <a:avLst/>
            <a:gdLst/>
            <a:ahLst/>
            <a:cxnLst/>
            <a:rect l="l" t="t" r="r" b="b"/>
            <a:pathLst>
              <a:path h="64770">
                <a:moveTo>
                  <a:pt x="0" y="647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8" name="object 258"/>
          <p:cNvSpPr/>
          <p:nvPr/>
        </p:nvSpPr>
        <p:spPr>
          <a:xfrm>
            <a:off x="1755289" y="2376543"/>
            <a:ext cx="0" cy="38099"/>
          </a:xfrm>
          <a:custGeom>
            <a:avLst/>
            <a:gdLst/>
            <a:ahLst/>
            <a:cxnLst/>
            <a:rect l="l" t="t" r="r" b="b"/>
            <a:pathLst>
              <a:path h="64770">
                <a:moveTo>
                  <a:pt x="0" y="647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9" name="object 259"/>
          <p:cNvSpPr/>
          <p:nvPr/>
        </p:nvSpPr>
        <p:spPr>
          <a:xfrm>
            <a:off x="2548218" y="2376543"/>
            <a:ext cx="0" cy="38099"/>
          </a:xfrm>
          <a:custGeom>
            <a:avLst/>
            <a:gdLst/>
            <a:ahLst/>
            <a:cxnLst/>
            <a:rect l="l" t="t" r="r" b="b"/>
            <a:pathLst>
              <a:path h="64770">
                <a:moveTo>
                  <a:pt x="0" y="647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0" name="object 260"/>
          <p:cNvSpPr/>
          <p:nvPr/>
        </p:nvSpPr>
        <p:spPr>
          <a:xfrm>
            <a:off x="3341145" y="2376543"/>
            <a:ext cx="0" cy="38099"/>
          </a:xfrm>
          <a:custGeom>
            <a:avLst/>
            <a:gdLst/>
            <a:ahLst/>
            <a:cxnLst/>
            <a:rect l="l" t="t" r="r" b="b"/>
            <a:pathLst>
              <a:path h="64770">
                <a:moveTo>
                  <a:pt x="0" y="647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1" name="object 261"/>
          <p:cNvSpPr/>
          <p:nvPr/>
        </p:nvSpPr>
        <p:spPr>
          <a:xfrm>
            <a:off x="4134074" y="2376543"/>
            <a:ext cx="0" cy="38099"/>
          </a:xfrm>
          <a:custGeom>
            <a:avLst/>
            <a:gdLst/>
            <a:ahLst/>
            <a:cxnLst/>
            <a:rect l="l" t="t" r="r" b="b"/>
            <a:pathLst>
              <a:path h="64770">
                <a:moveTo>
                  <a:pt x="0" y="647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2" name="object 262"/>
          <p:cNvSpPr/>
          <p:nvPr/>
        </p:nvSpPr>
        <p:spPr>
          <a:xfrm>
            <a:off x="4926554" y="2376543"/>
            <a:ext cx="0" cy="38099"/>
          </a:xfrm>
          <a:custGeom>
            <a:avLst/>
            <a:gdLst/>
            <a:ahLst/>
            <a:cxnLst/>
            <a:rect l="l" t="t" r="r" b="b"/>
            <a:pathLst>
              <a:path h="64770">
                <a:moveTo>
                  <a:pt x="0" y="647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3" name="object 263"/>
          <p:cNvSpPr/>
          <p:nvPr/>
        </p:nvSpPr>
        <p:spPr>
          <a:xfrm>
            <a:off x="5719482" y="2376543"/>
            <a:ext cx="0" cy="38099"/>
          </a:xfrm>
          <a:custGeom>
            <a:avLst/>
            <a:gdLst/>
            <a:ahLst/>
            <a:cxnLst/>
            <a:rect l="l" t="t" r="r" b="b"/>
            <a:pathLst>
              <a:path h="64770">
                <a:moveTo>
                  <a:pt x="0" y="647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4" name="object 264"/>
          <p:cNvSpPr/>
          <p:nvPr/>
        </p:nvSpPr>
        <p:spPr>
          <a:xfrm>
            <a:off x="6512410" y="2376543"/>
            <a:ext cx="0" cy="38099"/>
          </a:xfrm>
          <a:custGeom>
            <a:avLst/>
            <a:gdLst/>
            <a:ahLst/>
            <a:cxnLst/>
            <a:rect l="l" t="t" r="r" b="b"/>
            <a:pathLst>
              <a:path h="64770">
                <a:moveTo>
                  <a:pt x="0" y="647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5" name="object 265"/>
          <p:cNvSpPr/>
          <p:nvPr/>
        </p:nvSpPr>
        <p:spPr>
          <a:xfrm>
            <a:off x="7304891" y="2376543"/>
            <a:ext cx="0" cy="38099"/>
          </a:xfrm>
          <a:custGeom>
            <a:avLst/>
            <a:gdLst/>
            <a:ahLst/>
            <a:cxnLst/>
            <a:rect l="l" t="t" r="r" b="b"/>
            <a:pathLst>
              <a:path h="64770">
                <a:moveTo>
                  <a:pt x="0" y="647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6" name="object 266"/>
          <p:cNvSpPr/>
          <p:nvPr/>
        </p:nvSpPr>
        <p:spPr>
          <a:xfrm>
            <a:off x="8097818" y="2376543"/>
            <a:ext cx="0" cy="38099"/>
          </a:xfrm>
          <a:custGeom>
            <a:avLst/>
            <a:gdLst/>
            <a:ahLst/>
            <a:cxnLst/>
            <a:rect l="l" t="t" r="r" b="b"/>
            <a:pathLst>
              <a:path h="64770">
                <a:moveTo>
                  <a:pt x="0" y="647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7" name="object 267"/>
          <p:cNvSpPr/>
          <p:nvPr/>
        </p:nvSpPr>
        <p:spPr>
          <a:xfrm>
            <a:off x="875851" y="2451848"/>
            <a:ext cx="172122" cy="155985"/>
          </a:xfrm>
          <a:prstGeom prst="rect">
            <a:avLst/>
          </a:prstGeom>
          <a:blipFill>
            <a:blip r:embed="rId4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8" name="object 268"/>
          <p:cNvSpPr/>
          <p:nvPr/>
        </p:nvSpPr>
        <p:spPr>
          <a:xfrm>
            <a:off x="1671918" y="2451848"/>
            <a:ext cx="168536" cy="155985"/>
          </a:xfrm>
          <a:prstGeom prst="rect">
            <a:avLst/>
          </a:prstGeom>
          <a:blipFill>
            <a:blip r:embed="rId4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9" name="object 269"/>
          <p:cNvSpPr/>
          <p:nvPr/>
        </p:nvSpPr>
        <p:spPr>
          <a:xfrm>
            <a:off x="2464846" y="2451848"/>
            <a:ext cx="168536" cy="155985"/>
          </a:xfrm>
          <a:prstGeom prst="rect">
            <a:avLst/>
          </a:prstGeom>
          <a:blipFill>
            <a:blip r:embed="rId4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0" name="object 270"/>
          <p:cNvSpPr/>
          <p:nvPr/>
        </p:nvSpPr>
        <p:spPr>
          <a:xfrm>
            <a:off x="3256877" y="2451848"/>
            <a:ext cx="168536" cy="155985"/>
          </a:xfrm>
          <a:prstGeom prst="rect">
            <a:avLst/>
          </a:prstGeom>
          <a:blipFill>
            <a:blip r:embed="rId4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1" name="object 271"/>
          <p:cNvSpPr/>
          <p:nvPr/>
        </p:nvSpPr>
        <p:spPr>
          <a:xfrm>
            <a:off x="4049357" y="2451848"/>
            <a:ext cx="168536" cy="155985"/>
          </a:xfrm>
          <a:prstGeom prst="rect">
            <a:avLst/>
          </a:prstGeom>
          <a:blipFill>
            <a:blip r:embed="rId5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2" name="object 272"/>
          <p:cNvSpPr/>
          <p:nvPr/>
        </p:nvSpPr>
        <p:spPr>
          <a:xfrm>
            <a:off x="4843182" y="2451848"/>
            <a:ext cx="168536" cy="155985"/>
          </a:xfrm>
          <a:prstGeom prst="rect">
            <a:avLst/>
          </a:prstGeom>
          <a:blipFill>
            <a:blip r:embed="rId5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3" name="object 273"/>
          <p:cNvSpPr/>
          <p:nvPr/>
        </p:nvSpPr>
        <p:spPr>
          <a:xfrm>
            <a:off x="5636111" y="2451848"/>
            <a:ext cx="168536" cy="155985"/>
          </a:xfrm>
          <a:prstGeom prst="rect">
            <a:avLst/>
          </a:prstGeom>
          <a:blipFill>
            <a:blip r:embed="rId5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4" name="object 274"/>
          <p:cNvSpPr/>
          <p:nvPr/>
        </p:nvSpPr>
        <p:spPr>
          <a:xfrm>
            <a:off x="6428591" y="2451848"/>
            <a:ext cx="168536" cy="155985"/>
          </a:xfrm>
          <a:prstGeom prst="rect">
            <a:avLst/>
          </a:prstGeom>
          <a:blipFill>
            <a:blip r:embed="rId5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5" name="object 275"/>
          <p:cNvSpPr/>
          <p:nvPr/>
        </p:nvSpPr>
        <p:spPr>
          <a:xfrm>
            <a:off x="7221518" y="2451848"/>
            <a:ext cx="168536" cy="155985"/>
          </a:xfrm>
          <a:prstGeom prst="rect">
            <a:avLst/>
          </a:prstGeom>
          <a:blipFill>
            <a:blip r:embed="rId5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6" name="object 276"/>
          <p:cNvSpPr/>
          <p:nvPr/>
        </p:nvSpPr>
        <p:spPr>
          <a:xfrm>
            <a:off x="8014447" y="2451848"/>
            <a:ext cx="168536" cy="155985"/>
          </a:xfrm>
          <a:prstGeom prst="rect">
            <a:avLst/>
          </a:prstGeom>
          <a:blipFill>
            <a:blip r:embed="rId5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7" name="object 277"/>
          <p:cNvSpPr/>
          <p:nvPr/>
        </p:nvSpPr>
        <p:spPr>
          <a:xfrm>
            <a:off x="620357" y="1995543"/>
            <a:ext cx="7899400" cy="0"/>
          </a:xfrm>
          <a:custGeom>
            <a:avLst/>
            <a:gdLst/>
            <a:ahLst/>
            <a:cxnLst/>
            <a:rect l="l" t="t" r="r" b="b"/>
            <a:pathLst>
              <a:path w="13428980">
                <a:moveTo>
                  <a:pt x="13428726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8" name="object 278"/>
          <p:cNvSpPr/>
          <p:nvPr/>
        </p:nvSpPr>
        <p:spPr>
          <a:xfrm>
            <a:off x="962809" y="1982993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5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9" name="object 279"/>
          <p:cNvSpPr/>
          <p:nvPr/>
        </p:nvSpPr>
        <p:spPr>
          <a:xfrm>
            <a:off x="1755289" y="1982993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5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0" name="object 280"/>
          <p:cNvSpPr/>
          <p:nvPr/>
        </p:nvSpPr>
        <p:spPr>
          <a:xfrm>
            <a:off x="2548218" y="1982993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5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1" name="object 281"/>
          <p:cNvSpPr/>
          <p:nvPr/>
        </p:nvSpPr>
        <p:spPr>
          <a:xfrm>
            <a:off x="3341145" y="1982993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5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2" name="object 282"/>
          <p:cNvSpPr/>
          <p:nvPr/>
        </p:nvSpPr>
        <p:spPr>
          <a:xfrm>
            <a:off x="4134074" y="1982993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5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3" name="object 283"/>
          <p:cNvSpPr/>
          <p:nvPr/>
        </p:nvSpPr>
        <p:spPr>
          <a:xfrm>
            <a:off x="4926554" y="1982993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5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4" name="object 284"/>
          <p:cNvSpPr/>
          <p:nvPr/>
        </p:nvSpPr>
        <p:spPr>
          <a:xfrm>
            <a:off x="5719482" y="1982993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5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5" name="object 285"/>
          <p:cNvSpPr/>
          <p:nvPr/>
        </p:nvSpPr>
        <p:spPr>
          <a:xfrm>
            <a:off x="6512410" y="1982993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5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6" name="object 286"/>
          <p:cNvSpPr/>
          <p:nvPr/>
        </p:nvSpPr>
        <p:spPr>
          <a:xfrm>
            <a:off x="7304891" y="1982993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5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7" name="object 287"/>
          <p:cNvSpPr/>
          <p:nvPr/>
        </p:nvSpPr>
        <p:spPr>
          <a:xfrm>
            <a:off x="8097818" y="1982993"/>
            <a:ext cx="0" cy="12700"/>
          </a:xfrm>
          <a:custGeom>
            <a:avLst/>
            <a:gdLst/>
            <a:ahLst/>
            <a:cxnLst/>
            <a:rect l="l" t="t" r="r" b="b"/>
            <a:pathLst>
              <a:path h="21589">
                <a:moveTo>
                  <a:pt x="0" y="21335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8" name="object 288"/>
          <p:cNvSpPr/>
          <p:nvPr/>
        </p:nvSpPr>
        <p:spPr>
          <a:xfrm>
            <a:off x="620358" y="2281517"/>
            <a:ext cx="25400" cy="0"/>
          </a:xfrm>
          <a:custGeom>
            <a:avLst/>
            <a:gdLst/>
            <a:ahLst/>
            <a:cxnLst/>
            <a:rect l="l" t="t" r="r" b="b"/>
            <a:pathLst>
              <a:path w="43180">
                <a:moveTo>
                  <a:pt x="42671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9" name="object 289"/>
          <p:cNvSpPr/>
          <p:nvPr/>
        </p:nvSpPr>
        <p:spPr>
          <a:xfrm>
            <a:off x="620358" y="2186043"/>
            <a:ext cx="25400" cy="0"/>
          </a:xfrm>
          <a:custGeom>
            <a:avLst/>
            <a:gdLst/>
            <a:ahLst/>
            <a:cxnLst/>
            <a:rect l="l" t="t" r="r" b="b"/>
            <a:pathLst>
              <a:path w="43180">
                <a:moveTo>
                  <a:pt x="42671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0" name="object 290"/>
          <p:cNvSpPr/>
          <p:nvPr/>
        </p:nvSpPr>
        <p:spPr>
          <a:xfrm>
            <a:off x="620358" y="2091017"/>
            <a:ext cx="25400" cy="0"/>
          </a:xfrm>
          <a:custGeom>
            <a:avLst/>
            <a:gdLst/>
            <a:ahLst/>
            <a:cxnLst/>
            <a:rect l="l" t="t" r="r" b="b"/>
            <a:pathLst>
              <a:path w="43180">
                <a:moveTo>
                  <a:pt x="42671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1" name="object 291"/>
          <p:cNvSpPr/>
          <p:nvPr/>
        </p:nvSpPr>
        <p:spPr>
          <a:xfrm>
            <a:off x="548640" y="2337098"/>
            <a:ext cx="50202" cy="465268"/>
          </a:xfrm>
          <a:prstGeom prst="rect">
            <a:avLst/>
          </a:prstGeom>
          <a:blipFill>
            <a:blip r:embed="rId5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2" name="object 292"/>
          <p:cNvSpPr/>
          <p:nvPr/>
        </p:nvSpPr>
        <p:spPr>
          <a:xfrm>
            <a:off x="547743" y="2146598"/>
            <a:ext cx="50202" cy="465268"/>
          </a:xfrm>
          <a:prstGeom prst="rect">
            <a:avLst/>
          </a:prstGeom>
          <a:blipFill>
            <a:blip r:embed="rId5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3" name="object 293"/>
          <p:cNvSpPr/>
          <p:nvPr/>
        </p:nvSpPr>
        <p:spPr>
          <a:xfrm>
            <a:off x="496196" y="1956098"/>
            <a:ext cx="100404" cy="228600"/>
          </a:xfrm>
          <a:prstGeom prst="rect">
            <a:avLst/>
          </a:prstGeom>
          <a:blipFill>
            <a:blip r:embed="rId5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4" name="object 294"/>
          <p:cNvSpPr/>
          <p:nvPr/>
        </p:nvSpPr>
        <p:spPr>
          <a:xfrm>
            <a:off x="334383" y="1954754"/>
            <a:ext cx="100404" cy="346934"/>
          </a:xfrm>
          <a:prstGeom prst="rect">
            <a:avLst/>
          </a:prstGeom>
          <a:blipFill>
            <a:blip r:embed="rId5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5" name="object 295"/>
          <p:cNvSpPr/>
          <p:nvPr/>
        </p:nvSpPr>
        <p:spPr>
          <a:xfrm>
            <a:off x="334383" y="2301688"/>
            <a:ext cx="100404" cy="346934"/>
          </a:xfrm>
          <a:prstGeom prst="rect">
            <a:avLst/>
          </a:prstGeom>
          <a:blipFill>
            <a:blip r:embed="rId6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6" name="object 296"/>
          <p:cNvSpPr/>
          <p:nvPr/>
        </p:nvSpPr>
        <p:spPr>
          <a:xfrm>
            <a:off x="8494059" y="1995543"/>
            <a:ext cx="0" cy="381000"/>
          </a:xfrm>
          <a:custGeom>
            <a:avLst/>
            <a:gdLst/>
            <a:ahLst/>
            <a:cxnLst/>
            <a:rect l="l" t="t" r="r" b="b"/>
            <a:pathLst>
              <a:path h="647700">
                <a:moveTo>
                  <a:pt x="0" y="64770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7" name="object 297"/>
          <p:cNvSpPr/>
          <p:nvPr/>
        </p:nvSpPr>
        <p:spPr>
          <a:xfrm>
            <a:off x="8494059" y="2281517"/>
            <a:ext cx="25774" cy="0"/>
          </a:xfrm>
          <a:custGeom>
            <a:avLst/>
            <a:gdLst/>
            <a:ahLst/>
            <a:cxnLst/>
            <a:rect l="l" t="t" r="r" b="b"/>
            <a:pathLst>
              <a:path w="43815">
                <a:moveTo>
                  <a:pt x="43434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8" name="object 298"/>
          <p:cNvSpPr/>
          <p:nvPr/>
        </p:nvSpPr>
        <p:spPr>
          <a:xfrm>
            <a:off x="8494059" y="2186043"/>
            <a:ext cx="25774" cy="0"/>
          </a:xfrm>
          <a:custGeom>
            <a:avLst/>
            <a:gdLst/>
            <a:ahLst/>
            <a:cxnLst/>
            <a:rect l="l" t="t" r="r" b="b"/>
            <a:pathLst>
              <a:path w="43815">
                <a:moveTo>
                  <a:pt x="43434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9" name="object 299"/>
          <p:cNvSpPr/>
          <p:nvPr/>
        </p:nvSpPr>
        <p:spPr>
          <a:xfrm>
            <a:off x="8494059" y="2091017"/>
            <a:ext cx="25774" cy="0"/>
          </a:xfrm>
          <a:custGeom>
            <a:avLst/>
            <a:gdLst/>
            <a:ahLst/>
            <a:cxnLst/>
            <a:rect l="l" t="t" r="r" b="b"/>
            <a:pathLst>
              <a:path w="43815">
                <a:moveTo>
                  <a:pt x="43434" y="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0" name="object 300"/>
          <p:cNvSpPr/>
          <p:nvPr/>
        </p:nvSpPr>
        <p:spPr>
          <a:xfrm>
            <a:off x="958327" y="4366708"/>
            <a:ext cx="717176" cy="53788"/>
          </a:xfrm>
          <a:prstGeom prst="rect">
            <a:avLst/>
          </a:prstGeom>
          <a:blipFill>
            <a:blip r:embed="rId6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1" name="object 301"/>
          <p:cNvSpPr/>
          <p:nvPr/>
        </p:nvSpPr>
        <p:spPr>
          <a:xfrm>
            <a:off x="958327" y="4420496"/>
            <a:ext cx="717176" cy="53788"/>
          </a:xfrm>
          <a:prstGeom prst="rect">
            <a:avLst/>
          </a:prstGeom>
          <a:blipFill>
            <a:blip r:embed="rId6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2" name="object 302"/>
          <p:cNvSpPr/>
          <p:nvPr/>
        </p:nvSpPr>
        <p:spPr>
          <a:xfrm>
            <a:off x="6864724" y="5297245"/>
            <a:ext cx="1553135" cy="293146"/>
          </a:xfrm>
          <a:prstGeom prst="rect">
            <a:avLst/>
          </a:prstGeom>
          <a:blipFill>
            <a:blip r:embed="rId6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3" name="object 303"/>
          <p:cNvSpPr/>
          <p:nvPr/>
        </p:nvSpPr>
        <p:spPr>
          <a:xfrm>
            <a:off x="6823934" y="4527177"/>
            <a:ext cx="1685365" cy="1125817"/>
          </a:xfrm>
          <a:custGeom>
            <a:avLst/>
            <a:gdLst/>
            <a:ahLst/>
            <a:cxnLst/>
            <a:rect l="l" t="t" r="r" b="b"/>
            <a:pathLst>
              <a:path w="2865119" h="1913890">
                <a:moveTo>
                  <a:pt x="0" y="0"/>
                </a:moveTo>
                <a:lnTo>
                  <a:pt x="2683764" y="0"/>
                </a:lnTo>
                <a:lnTo>
                  <a:pt x="2728875" y="5122"/>
                </a:lnTo>
                <a:lnTo>
                  <a:pt x="2769883" y="19647"/>
                </a:lnTo>
                <a:lnTo>
                  <a:pt x="2805348" y="42310"/>
                </a:lnTo>
                <a:lnTo>
                  <a:pt x="2833834" y="71846"/>
                </a:lnTo>
                <a:lnTo>
                  <a:pt x="2853902" y="106991"/>
                </a:lnTo>
                <a:lnTo>
                  <a:pt x="2864115" y="146480"/>
                </a:lnTo>
                <a:lnTo>
                  <a:pt x="2865120" y="1751838"/>
                </a:lnTo>
                <a:lnTo>
                  <a:pt x="2864471" y="1765907"/>
                </a:lnTo>
                <a:lnTo>
                  <a:pt x="2855160" y="1805888"/>
                </a:lnTo>
                <a:lnTo>
                  <a:pt x="2835915" y="1841560"/>
                </a:lnTo>
                <a:lnTo>
                  <a:pt x="2808164" y="1871685"/>
                </a:lnTo>
                <a:lnTo>
                  <a:pt x="2773336" y="1895023"/>
                </a:lnTo>
                <a:lnTo>
                  <a:pt x="2732860" y="1910335"/>
                </a:lnTo>
                <a:lnTo>
                  <a:pt x="2718641" y="1913381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4" name="object 304"/>
          <p:cNvSpPr/>
          <p:nvPr/>
        </p:nvSpPr>
        <p:spPr>
          <a:xfrm>
            <a:off x="6717702" y="4527177"/>
            <a:ext cx="106456" cy="1125817"/>
          </a:xfrm>
          <a:custGeom>
            <a:avLst/>
            <a:gdLst/>
            <a:ahLst/>
            <a:cxnLst/>
            <a:rect l="l" t="t" r="r" b="b"/>
            <a:pathLst>
              <a:path w="180975" h="1913890">
                <a:moveTo>
                  <a:pt x="146318" y="1913381"/>
                </a:moveTo>
                <a:lnTo>
                  <a:pt x="107712" y="1902571"/>
                </a:lnTo>
                <a:lnTo>
                  <a:pt x="70392" y="1882431"/>
                </a:lnTo>
                <a:lnTo>
                  <a:pt x="39595" y="1854948"/>
                </a:lnTo>
                <a:lnTo>
                  <a:pt x="16725" y="1821369"/>
                </a:lnTo>
                <a:lnTo>
                  <a:pt x="3186" y="1782942"/>
                </a:lnTo>
                <a:lnTo>
                  <a:pt x="0" y="163830"/>
                </a:lnTo>
                <a:lnTo>
                  <a:pt x="648" y="149811"/>
                </a:lnTo>
                <a:lnTo>
                  <a:pt x="9959" y="109939"/>
                </a:lnTo>
                <a:lnTo>
                  <a:pt x="29219" y="74333"/>
                </a:lnTo>
                <a:lnTo>
                  <a:pt x="57015" y="44264"/>
                </a:lnTo>
                <a:lnTo>
                  <a:pt x="91933" y="21008"/>
                </a:lnTo>
                <a:lnTo>
                  <a:pt x="132562" y="5836"/>
                </a:lnTo>
                <a:lnTo>
                  <a:pt x="177489" y="23"/>
                </a:lnTo>
                <a:lnTo>
                  <a:pt x="180594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5" name="object 305"/>
          <p:cNvSpPr/>
          <p:nvPr/>
        </p:nvSpPr>
        <p:spPr>
          <a:xfrm>
            <a:off x="6854414" y="4572896"/>
            <a:ext cx="1445111" cy="247874"/>
          </a:xfrm>
          <a:prstGeom prst="rect">
            <a:avLst/>
          </a:prstGeom>
          <a:blipFill>
            <a:blip r:embed="rId6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6" name="object 306"/>
          <p:cNvSpPr/>
          <p:nvPr/>
        </p:nvSpPr>
        <p:spPr>
          <a:xfrm>
            <a:off x="7288305" y="5534361"/>
            <a:ext cx="541468" cy="64546"/>
          </a:xfrm>
          <a:prstGeom prst="rect">
            <a:avLst/>
          </a:prstGeom>
          <a:blipFill>
            <a:blip r:embed="rId6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7" name="object 307"/>
          <p:cNvSpPr/>
          <p:nvPr/>
        </p:nvSpPr>
        <p:spPr>
          <a:xfrm>
            <a:off x="6904168" y="5200874"/>
            <a:ext cx="1376978" cy="80682"/>
          </a:xfrm>
          <a:prstGeom prst="rect">
            <a:avLst/>
          </a:prstGeom>
          <a:blipFill>
            <a:blip r:embed="rId6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8" name="object 308"/>
          <p:cNvSpPr/>
          <p:nvPr/>
        </p:nvSpPr>
        <p:spPr>
          <a:xfrm>
            <a:off x="6970955" y="4886212"/>
            <a:ext cx="1244301" cy="96819"/>
          </a:xfrm>
          <a:prstGeom prst="rect">
            <a:avLst/>
          </a:prstGeom>
          <a:blipFill>
            <a:blip r:embed="rId6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9" name="object 309"/>
          <p:cNvSpPr/>
          <p:nvPr/>
        </p:nvSpPr>
        <p:spPr>
          <a:xfrm>
            <a:off x="6880412" y="5016650"/>
            <a:ext cx="1430766" cy="107576"/>
          </a:xfrm>
          <a:prstGeom prst="rect">
            <a:avLst/>
          </a:prstGeom>
          <a:blipFill>
            <a:blip r:embed="rId6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0" name="object 310"/>
          <p:cNvSpPr/>
          <p:nvPr/>
        </p:nvSpPr>
        <p:spPr>
          <a:xfrm>
            <a:off x="6714116" y="4844975"/>
            <a:ext cx="1790700" cy="0"/>
          </a:xfrm>
          <a:custGeom>
            <a:avLst/>
            <a:gdLst/>
            <a:ahLst/>
            <a:cxnLst/>
            <a:rect l="l" t="t" r="r" b="b"/>
            <a:pathLst>
              <a:path w="3044190">
                <a:moveTo>
                  <a:pt x="0" y="0"/>
                </a:moveTo>
                <a:lnTo>
                  <a:pt x="304419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1" name="object 311"/>
          <p:cNvSpPr/>
          <p:nvPr/>
        </p:nvSpPr>
        <p:spPr>
          <a:xfrm>
            <a:off x="6706496" y="5146189"/>
            <a:ext cx="1790326" cy="0"/>
          </a:xfrm>
          <a:custGeom>
            <a:avLst/>
            <a:gdLst/>
            <a:ahLst/>
            <a:cxnLst/>
            <a:rect l="l" t="t" r="r" b="b"/>
            <a:pathLst>
              <a:path w="3043555">
                <a:moveTo>
                  <a:pt x="0" y="0"/>
                </a:moveTo>
                <a:lnTo>
                  <a:pt x="3043428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2" name="object 312"/>
          <p:cNvSpPr/>
          <p:nvPr/>
        </p:nvSpPr>
        <p:spPr>
          <a:xfrm>
            <a:off x="2755751" y="4519781"/>
            <a:ext cx="152399" cy="0"/>
          </a:xfrm>
          <a:custGeom>
            <a:avLst/>
            <a:gdLst/>
            <a:ahLst/>
            <a:cxnLst/>
            <a:rect l="l" t="t" r="r" b="b"/>
            <a:pathLst>
              <a:path w="259079">
                <a:moveTo>
                  <a:pt x="0" y="0"/>
                </a:moveTo>
                <a:lnTo>
                  <a:pt x="259079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3" name="object 313"/>
          <p:cNvSpPr/>
          <p:nvPr/>
        </p:nvSpPr>
        <p:spPr>
          <a:xfrm>
            <a:off x="2831726" y="4443357"/>
            <a:ext cx="0" cy="152399"/>
          </a:xfrm>
          <a:custGeom>
            <a:avLst/>
            <a:gdLst/>
            <a:ahLst/>
            <a:cxnLst/>
            <a:rect l="l" t="t" r="r" b="b"/>
            <a:pathLst>
              <a:path h="259079">
                <a:moveTo>
                  <a:pt x="0" y="0"/>
                </a:moveTo>
                <a:lnTo>
                  <a:pt x="0" y="259079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4" name="object 314"/>
          <p:cNvSpPr/>
          <p:nvPr/>
        </p:nvSpPr>
        <p:spPr>
          <a:xfrm>
            <a:off x="2755751" y="4443357"/>
            <a:ext cx="152399" cy="152399"/>
          </a:xfrm>
          <a:custGeom>
            <a:avLst/>
            <a:gdLst/>
            <a:ahLst/>
            <a:cxnLst/>
            <a:rect l="l" t="t" r="r" b="b"/>
            <a:pathLst>
              <a:path w="259079" h="259079">
                <a:moveTo>
                  <a:pt x="128777" y="130301"/>
                </a:moveTo>
                <a:lnTo>
                  <a:pt x="0" y="130301"/>
                </a:lnTo>
                <a:lnTo>
                  <a:pt x="0" y="129539"/>
                </a:lnTo>
                <a:lnTo>
                  <a:pt x="128777" y="129539"/>
                </a:lnTo>
                <a:lnTo>
                  <a:pt x="128777" y="0"/>
                </a:lnTo>
                <a:lnTo>
                  <a:pt x="129539" y="0"/>
                </a:lnTo>
                <a:lnTo>
                  <a:pt x="129539" y="129539"/>
                </a:lnTo>
                <a:lnTo>
                  <a:pt x="259079" y="129539"/>
                </a:lnTo>
                <a:lnTo>
                  <a:pt x="259079" y="130301"/>
                </a:lnTo>
                <a:lnTo>
                  <a:pt x="129539" y="130301"/>
                </a:lnTo>
                <a:lnTo>
                  <a:pt x="129539" y="259079"/>
                </a:lnTo>
                <a:lnTo>
                  <a:pt x="128777" y="259079"/>
                </a:lnTo>
                <a:lnTo>
                  <a:pt x="128777" y="130301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5" name="object 315"/>
          <p:cNvSpPr/>
          <p:nvPr/>
        </p:nvSpPr>
        <p:spPr>
          <a:xfrm>
            <a:off x="2768301" y="4456355"/>
            <a:ext cx="127000" cy="127000"/>
          </a:xfrm>
          <a:custGeom>
            <a:avLst/>
            <a:gdLst/>
            <a:ahLst/>
            <a:cxnLst/>
            <a:rect l="l" t="t" r="r" b="b"/>
            <a:pathLst>
              <a:path w="215900" h="215900">
                <a:moveTo>
                  <a:pt x="107441" y="108203"/>
                </a:moveTo>
                <a:lnTo>
                  <a:pt x="0" y="108203"/>
                </a:lnTo>
                <a:lnTo>
                  <a:pt x="0" y="107441"/>
                </a:lnTo>
                <a:lnTo>
                  <a:pt x="107441" y="107441"/>
                </a:lnTo>
                <a:lnTo>
                  <a:pt x="107441" y="0"/>
                </a:lnTo>
                <a:lnTo>
                  <a:pt x="108203" y="0"/>
                </a:lnTo>
                <a:lnTo>
                  <a:pt x="108203" y="107441"/>
                </a:lnTo>
                <a:lnTo>
                  <a:pt x="215645" y="107441"/>
                </a:lnTo>
                <a:lnTo>
                  <a:pt x="215645" y="108203"/>
                </a:lnTo>
                <a:lnTo>
                  <a:pt x="108203" y="108203"/>
                </a:lnTo>
                <a:lnTo>
                  <a:pt x="108203" y="215645"/>
                </a:lnTo>
                <a:lnTo>
                  <a:pt x="107441" y="215645"/>
                </a:lnTo>
                <a:lnTo>
                  <a:pt x="107441" y="108203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6" name="object 316"/>
          <p:cNvSpPr/>
          <p:nvPr/>
        </p:nvSpPr>
        <p:spPr>
          <a:xfrm>
            <a:off x="3011693" y="4483697"/>
            <a:ext cx="1021976" cy="37651"/>
          </a:xfrm>
          <a:prstGeom prst="rect">
            <a:avLst/>
          </a:prstGeom>
          <a:blipFill>
            <a:blip r:embed="rId6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7" name="object 317"/>
          <p:cNvSpPr/>
          <p:nvPr/>
        </p:nvSpPr>
        <p:spPr>
          <a:xfrm>
            <a:off x="3011693" y="4521349"/>
            <a:ext cx="1021976" cy="37651"/>
          </a:xfrm>
          <a:prstGeom prst="rect">
            <a:avLst/>
          </a:prstGeom>
          <a:blipFill>
            <a:blip r:embed="rId7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8" name="object 318"/>
          <p:cNvSpPr/>
          <p:nvPr/>
        </p:nvSpPr>
        <p:spPr>
          <a:xfrm>
            <a:off x="3011693" y="4559002"/>
            <a:ext cx="1021976" cy="37651"/>
          </a:xfrm>
          <a:prstGeom prst="rect">
            <a:avLst/>
          </a:prstGeom>
          <a:blipFill>
            <a:blip r:embed="rId7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9" name="object 319"/>
          <p:cNvSpPr/>
          <p:nvPr/>
        </p:nvSpPr>
        <p:spPr>
          <a:xfrm>
            <a:off x="4730675" y="5169498"/>
            <a:ext cx="94129" cy="88526"/>
          </a:xfrm>
          <a:custGeom>
            <a:avLst/>
            <a:gdLst/>
            <a:ahLst/>
            <a:cxnLst/>
            <a:rect l="l" t="t" r="r" b="b"/>
            <a:pathLst>
              <a:path w="160020" h="150495">
                <a:moveTo>
                  <a:pt x="0" y="150114"/>
                </a:moveTo>
                <a:lnTo>
                  <a:pt x="16002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0" name="object 320"/>
          <p:cNvSpPr/>
          <p:nvPr/>
        </p:nvSpPr>
        <p:spPr>
          <a:xfrm>
            <a:off x="4729778" y="5182945"/>
            <a:ext cx="77321" cy="72838"/>
          </a:xfrm>
          <a:custGeom>
            <a:avLst/>
            <a:gdLst/>
            <a:ahLst/>
            <a:cxnLst/>
            <a:rect l="l" t="t" r="r" b="b"/>
            <a:pathLst>
              <a:path w="131445" h="123825">
                <a:moveTo>
                  <a:pt x="0" y="123443"/>
                </a:moveTo>
                <a:lnTo>
                  <a:pt x="13106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1" name="object 321"/>
          <p:cNvSpPr/>
          <p:nvPr/>
        </p:nvSpPr>
        <p:spPr>
          <a:xfrm>
            <a:off x="4728434" y="5196392"/>
            <a:ext cx="60512" cy="57524"/>
          </a:xfrm>
          <a:custGeom>
            <a:avLst/>
            <a:gdLst/>
            <a:ahLst/>
            <a:cxnLst/>
            <a:rect l="l" t="t" r="r" b="b"/>
            <a:pathLst>
              <a:path w="102870" h="97790">
                <a:moveTo>
                  <a:pt x="0" y="97536"/>
                </a:moveTo>
                <a:lnTo>
                  <a:pt x="10287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2" name="object 322"/>
          <p:cNvSpPr/>
          <p:nvPr/>
        </p:nvSpPr>
        <p:spPr>
          <a:xfrm>
            <a:off x="4727090" y="5209839"/>
            <a:ext cx="44450" cy="42209"/>
          </a:xfrm>
          <a:custGeom>
            <a:avLst/>
            <a:gdLst/>
            <a:ahLst/>
            <a:cxnLst/>
            <a:rect l="l" t="t" r="r" b="b"/>
            <a:pathLst>
              <a:path w="75565" h="71754">
                <a:moveTo>
                  <a:pt x="0" y="71627"/>
                </a:moveTo>
                <a:lnTo>
                  <a:pt x="75438" y="0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3" name="object 323"/>
          <p:cNvSpPr/>
          <p:nvPr/>
        </p:nvSpPr>
        <p:spPr>
          <a:xfrm>
            <a:off x="4725297" y="5223285"/>
            <a:ext cx="28388" cy="26894"/>
          </a:xfrm>
          <a:custGeom>
            <a:avLst/>
            <a:gdLst/>
            <a:ahLst/>
            <a:cxnLst/>
            <a:rect l="l" t="t" r="r" b="b"/>
            <a:pathLst>
              <a:path w="48259" h="45720">
                <a:moveTo>
                  <a:pt x="0" y="45719"/>
                </a:moveTo>
                <a:lnTo>
                  <a:pt x="48006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4" name="object 324"/>
          <p:cNvSpPr/>
          <p:nvPr/>
        </p:nvSpPr>
        <p:spPr>
          <a:xfrm>
            <a:off x="4723504" y="5237181"/>
            <a:ext cx="12326" cy="11953"/>
          </a:xfrm>
          <a:custGeom>
            <a:avLst/>
            <a:gdLst/>
            <a:ahLst/>
            <a:cxnLst/>
            <a:rect l="l" t="t" r="r" b="b"/>
            <a:pathLst>
              <a:path w="20954" h="20320">
                <a:moveTo>
                  <a:pt x="0" y="19812"/>
                </a:moveTo>
                <a:lnTo>
                  <a:pt x="2057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5" name="object 325"/>
          <p:cNvSpPr/>
          <p:nvPr/>
        </p:nvSpPr>
        <p:spPr>
          <a:xfrm>
            <a:off x="4731572" y="5156050"/>
            <a:ext cx="110938" cy="104588"/>
          </a:xfrm>
          <a:custGeom>
            <a:avLst/>
            <a:gdLst/>
            <a:ahLst/>
            <a:cxnLst/>
            <a:rect l="l" t="t" r="r" b="b"/>
            <a:pathLst>
              <a:path w="188595" h="177800">
                <a:moveTo>
                  <a:pt x="0" y="177545"/>
                </a:moveTo>
                <a:lnTo>
                  <a:pt x="18821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6" name="object 326"/>
          <p:cNvSpPr/>
          <p:nvPr/>
        </p:nvSpPr>
        <p:spPr>
          <a:xfrm>
            <a:off x="4732019" y="5142603"/>
            <a:ext cx="128494" cy="121024"/>
          </a:xfrm>
          <a:custGeom>
            <a:avLst/>
            <a:gdLst/>
            <a:ahLst/>
            <a:cxnLst/>
            <a:rect l="l" t="t" r="r" b="b"/>
            <a:pathLst>
              <a:path w="218440" h="205740">
                <a:moveTo>
                  <a:pt x="0" y="205740"/>
                </a:moveTo>
                <a:lnTo>
                  <a:pt x="217932" y="0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7" name="object 327"/>
          <p:cNvSpPr/>
          <p:nvPr/>
        </p:nvSpPr>
        <p:spPr>
          <a:xfrm>
            <a:off x="4732020" y="5129157"/>
            <a:ext cx="145676" cy="137832"/>
          </a:xfrm>
          <a:custGeom>
            <a:avLst/>
            <a:gdLst/>
            <a:ahLst/>
            <a:cxnLst/>
            <a:rect l="l" t="t" r="r" b="b"/>
            <a:pathLst>
              <a:path w="247650" h="234315">
                <a:moveTo>
                  <a:pt x="0" y="233934"/>
                </a:moveTo>
                <a:lnTo>
                  <a:pt x="24765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8" name="object 328"/>
          <p:cNvSpPr/>
          <p:nvPr/>
        </p:nvSpPr>
        <p:spPr>
          <a:xfrm>
            <a:off x="4731123" y="5115261"/>
            <a:ext cx="164726" cy="155762"/>
          </a:xfrm>
          <a:custGeom>
            <a:avLst/>
            <a:gdLst/>
            <a:ahLst/>
            <a:cxnLst/>
            <a:rect l="l" t="t" r="r" b="b"/>
            <a:pathLst>
              <a:path w="280034" h="264795">
                <a:moveTo>
                  <a:pt x="0" y="264413"/>
                </a:moveTo>
                <a:lnTo>
                  <a:pt x="27965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9" name="object 329"/>
          <p:cNvSpPr/>
          <p:nvPr/>
        </p:nvSpPr>
        <p:spPr>
          <a:xfrm>
            <a:off x="4728883" y="5101814"/>
            <a:ext cx="184897" cy="174438"/>
          </a:xfrm>
          <a:custGeom>
            <a:avLst/>
            <a:gdLst/>
            <a:ahLst/>
            <a:cxnLst/>
            <a:rect l="l" t="t" r="r" b="b"/>
            <a:pathLst>
              <a:path w="314325" h="296545">
                <a:moveTo>
                  <a:pt x="0" y="296418"/>
                </a:moveTo>
                <a:lnTo>
                  <a:pt x="31394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0" name="object 330"/>
          <p:cNvSpPr/>
          <p:nvPr/>
        </p:nvSpPr>
        <p:spPr>
          <a:xfrm>
            <a:off x="4721262" y="5096884"/>
            <a:ext cx="199091" cy="151279"/>
          </a:xfrm>
          <a:custGeom>
            <a:avLst/>
            <a:gdLst/>
            <a:ahLst/>
            <a:cxnLst/>
            <a:rect l="l" t="t" r="r" b="b"/>
            <a:pathLst>
              <a:path w="338454" h="257175">
                <a:moveTo>
                  <a:pt x="338327" y="0"/>
                </a:moveTo>
                <a:lnTo>
                  <a:pt x="0" y="256794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1" name="object 331"/>
          <p:cNvSpPr/>
          <p:nvPr/>
        </p:nvSpPr>
        <p:spPr>
          <a:xfrm>
            <a:off x="4724848" y="5096884"/>
            <a:ext cx="195729" cy="184897"/>
          </a:xfrm>
          <a:custGeom>
            <a:avLst/>
            <a:gdLst/>
            <a:ahLst/>
            <a:cxnLst/>
            <a:rect l="l" t="t" r="r" b="b"/>
            <a:pathLst>
              <a:path w="332740" h="314325">
                <a:moveTo>
                  <a:pt x="332231" y="0"/>
                </a:moveTo>
                <a:lnTo>
                  <a:pt x="0" y="313944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2" name="object 332"/>
          <p:cNvSpPr/>
          <p:nvPr/>
        </p:nvSpPr>
        <p:spPr>
          <a:xfrm>
            <a:off x="4729330" y="5261834"/>
            <a:ext cx="22412" cy="43329"/>
          </a:xfrm>
          <a:custGeom>
            <a:avLst/>
            <a:gdLst/>
            <a:ahLst/>
            <a:cxnLst/>
            <a:rect l="l" t="t" r="r" b="b"/>
            <a:pathLst>
              <a:path w="38100" h="73659">
                <a:moveTo>
                  <a:pt x="38100" y="0"/>
                </a:moveTo>
                <a:lnTo>
                  <a:pt x="16191" y="35450"/>
                </a:lnTo>
                <a:lnTo>
                  <a:pt x="918" y="70469"/>
                </a:lnTo>
                <a:lnTo>
                  <a:pt x="0" y="73152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3" name="object 333"/>
          <p:cNvSpPr/>
          <p:nvPr/>
        </p:nvSpPr>
        <p:spPr>
          <a:xfrm>
            <a:off x="5099573" y="4800152"/>
            <a:ext cx="105335" cy="99732"/>
          </a:xfrm>
          <a:custGeom>
            <a:avLst/>
            <a:gdLst/>
            <a:ahLst/>
            <a:cxnLst/>
            <a:rect l="l" t="t" r="r" b="b"/>
            <a:pathLst>
              <a:path w="179070" h="169545">
                <a:moveTo>
                  <a:pt x="0" y="169164"/>
                </a:moveTo>
                <a:lnTo>
                  <a:pt x="17907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4" name="object 334"/>
          <p:cNvSpPr/>
          <p:nvPr/>
        </p:nvSpPr>
        <p:spPr>
          <a:xfrm>
            <a:off x="5098677" y="4798358"/>
            <a:ext cx="104962" cy="99359"/>
          </a:xfrm>
          <a:custGeom>
            <a:avLst/>
            <a:gdLst/>
            <a:ahLst/>
            <a:cxnLst/>
            <a:rect l="l" t="t" r="r" b="b"/>
            <a:pathLst>
              <a:path w="178434" h="168909">
                <a:moveTo>
                  <a:pt x="0" y="168402"/>
                </a:moveTo>
                <a:lnTo>
                  <a:pt x="178308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5" name="object 335"/>
          <p:cNvSpPr/>
          <p:nvPr/>
        </p:nvSpPr>
        <p:spPr>
          <a:xfrm>
            <a:off x="5097780" y="4796565"/>
            <a:ext cx="104215" cy="98612"/>
          </a:xfrm>
          <a:custGeom>
            <a:avLst/>
            <a:gdLst/>
            <a:ahLst/>
            <a:cxnLst/>
            <a:rect l="l" t="t" r="r" b="b"/>
            <a:pathLst>
              <a:path w="177165" h="167640">
                <a:moveTo>
                  <a:pt x="0" y="167640"/>
                </a:moveTo>
                <a:lnTo>
                  <a:pt x="17678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6" name="object 336"/>
          <p:cNvSpPr/>
          <p:nvPr/>
        </p:nvSpPr>
        <p:spPr>
          <a:xfrm>
            <a:off x="5096884" y="4795222"/>
            <a:ext cx="103094" cy="97491"/>
          </a:xfrm>
          <a:custGeom>
            <a:avLst/>
            <a:gdLst/>
            <a:ahLst/>
            <a:cxnLst/>
            <a:rect l="l" t="t" r="r" b="b"/>
            <a:pathLst>
              <a:path w="175259" h="165734">
                <a:moveTo>
                  <a:pt x="0" y="165354"/>
                </a:moveTo>
                <a:lnTo>
                  <a:pt x="17526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7" name="object 337"/>
          <p:cNvSpPr/>
          <p:nvPr/>
        </p:nvSpPr>
        <p:spPr>
          <a:xfrm>
            <a:off x="5095539" y="4793429"/>
            <a:ext cx="102721" cy="97491"/>
          </a:xfrm>
          <a:custGeom>
            <a:avLst/>
            <a:gdLst/>
            <a:ahLst/>
            <a:cxnLst/>
            <a:rect l="l" t="t" r="r" b="b"/>
            <a:pathLst>
              <a:path w="174625" h="165734">
                <a:moveTo>
                  <a:pt x="0" y="165354"/>
                </a:moveTo>
                <a:lnTo>
                  <a:pt x="174498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8" name="object 338"/>
          <p:cNvSpPr/>
          <p:nvPr/>
        </p:nvSpPr>
        <p:spPr>
          <a:xfrm>
            <a:off x="5094194" y="4792083"/>
            <a:ext cx="102347" cy="96371"/>
          </a:xfrm>
          <a:custGeom>
            <a:avLst/>
            <a:gdLst/>
            <a:ahLst/>
            <a:cxnLst/>
            <a:rect l="l" t="t" r="r" b="b"/>
            <a:pathLst>
              <a:path w="173990" h="163829">
                <a:moveTo>
                  <a:pt x="0" y="163830"/>
                </a:moveTo>
                <a:lnTo>
                  <a:pt x="173736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9" name="object 339"/>
          <p:cNvSpPr/>
          <p:nvPr/>
        </p:nvSpPr>
        <p:spPr>
          <a:xfrm>
            <a:off x="5092849" y="4790290"/>
            <a:ext cx="101974" cy="96371"/>
          </a:xfrm>
          <a:custGeom>
            <a:avLst/>
            <a:gdLst/>
            <a:ahLst/>
            <a:cxnLst/>
            <a:rect l="l" t="t" r="r" b="b"/>
            <a:pathLst>
              <a:path w="173354" h="163829">
                <a:moveTo>
                  <a:pt x="0" y="163830"/>
                </a:moveTo>
                <a:lnTo>
                  <a:pt x="17297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0" name="object 340"/>
          <p:cNvSpPr/>
          <p:nvPr/>
        </p:nvSpPr>
        <p:spPr>
          <a:xfrm>
            <a:off x="5091056" y="4788946"/>
            <a:ext cx="101974" cy="95997"/>
          </a:xfrm>
          <a:custGeom>
            <a:avLst/>
            <a:gdLst/>
            <a:ahLst/>
            <a:cxnLst/>
            <a:rect l="l" t="t" r="r" b="b"/>
            <a:pathLst>
              <a:path w="173354" h="163195">
                <a:moveTo>
                  <a:pt x="0" y="163067"/>
                </a:moveTo>
                <a:lnTo>
                  <a:pt x="17297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1" name="object 341"/>
          <p:cNvSpPr/>
          <p:nvPr/>
        </p:nvSpPr>
        <p:spPr>
          <a:xfrm>
            <a:off x="5089263" y="4787153"/>
            <a:ext cx="101974" cy="95997"/>
          </a:xfrm>
          <a:custGeom>
            <a:avLst/>
            <a:gdLst/>
            <a:ahLst/>
            <a:cxnLst/>
            <a:rect l="l" t="t" r="r" b="b"/>
            <a:pathLst>
              <a:path w="173354" h="163195">
                <a:moveTo>
                  <a:pt x="0" y="163067"/>
                </a:moveTo>
                <a:lnTo>
                  <a:pt x="17297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2" name="object 342"/>
          <p:cNvSpPr/>
          <p:nvPr/>
        </p:nvSpPr>
        <p:spPr>
          <a:xfrm>
            <a:off x="5087918" y="4785360"/>
            <a:ext cx="101600" cy="95997"/>
          </a:xfrm>
          <a:custGeom>
            <a:avLst/>
            <a:gdLst/>
            <a:ahLst/>
            <a:cxnLst/>
            <a:rect l="l" t="t" r="r" b="b"/>
            <a:pathLst>
              <a:path w="172720" h="163195">
                <a:moveTo>
                  <a:pt x="0" y="163067"/>
                </a:moveTo>
                <a:lnTo>
                  <a:pt x="17221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3" name="object 343"/>
          <p:cNvSpPr/>
          <p:nvPr/>
        </p:nvSpPr>
        <p:spPr>
          <a:xfrm>
            <a:off x="5086126" y="4788497"/>
            <a:ext cx="96371" cy="91141"/>
          </a:xfrm>
          <a:custGeom>
            <a:avLst/>
            <a:gdLst/>
            <a:ahLst/>
            <a:cxnLst/>
            <a:rect l="l" t="t" r="r" b="b"/>
            <a:pathLst>
              <a:path w="163829" h="154940">
                <a:moveTo>
                  <a:pt x="0" y="154685"/>
                </a:moveTo>
                <a:lnTo>
                  <a:pt x="16383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4" name="object 344"/>
          <p:cNvSpPr/>
          <p:nvPr/>
        </p:nvSpPr>
        <p:spPr>
          <a:xfrm>
            <a:off x="5084333" y="4809564"/>
            <a:ext cx="72838" cy="68729"/>
          </a:xfrm>
          <a:custGeom>
            <a:avLst/>
            <a:gdLst/>
            <a:ahLst/>
            <a:cxnLst/>
            <a:rect l="l" t="t" r="r" b="b"/>
            <a:pathLst>
              <a:path w="123825" h="116840">
                <a:moveTo>
                  <a:pt x="0" y="116586"/>
                </a:moveTo>
                <a:lnTo>
                  <a:pt x="12344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5" name="object 345"/>
          <p:cNvSpPr/>
          <p:nvPr/>
        </p:nvSpPr>
        <p:spPr>
          <a:xfrm>
            <a:off x="5082540" y="4830632"/>
            <a:ext cx="48559" cy="45944"/>
          </a:xfrm>
          <a:custGeom>
            <a:avLst/>
            <a:gdLst/>
            <a:ahLst/>
            <a:cxnLst/>
            <a:rect l="l" t="t" r="r" b="b"/>
            <a:pathLst>
              <a:path w="82550" h="78104">
                <a:moveTo>
                  <a:pt x="0" y="77723"/>
                </a:moveTo>
                <a:lnTo>
                  <a:pt x="82296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6" name="object 346"/>
          <p:cNvSpPr/>
          <p:nvPr/>
        </p:nvSpPr>
        <p:spPr>
          <a:xfrm>
            <a:off x="5081195" y="4851699"/>
            <a:ext cx="23906" cy="23159"/>
          </a:xfrm>
          <a:custGeom>
            <a:avLst/>
            <a:gdLst/>
            <a:ahLst/>
            <a:cxnLst/>
            <a:rect l="l" t="t" r="r" b="b"/>
            <a:pathLst>
              <a:path w="40640" h="39370">
                <a:moveTo>
                  <a:pt x="0" y="38862"/>
                </a:moveTo>
                <a:lnTo>
                  <a:pt x="40386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7" name="object 347"/>
          <p:cNvSpPr/>
          <p:nvPr/>
        </p:nvSpPr>
        <p:spPr>
          <a:xfrm>
            <a:off x="5079402" y="4873214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8" name="object 348"/>
          <p:cNvSpPr/>
          <p:nvPr/>
        </p:nvSpPr>
        <p:spPr>
          <a:xfrm>
            <a:off x="5100469" y="4801945"/>
            <a:ext cx="106456" cy="100479"/>
          </a:xfrm>
          <a:custGeom>
            <a:avLst/>
            <a:gdLst/>
            <a:ahLst/>
            <a:cxnLst/>
            <a:rect l="l" t="t" r="r" b="b"/>
            <a:pathLst>
              <a:path w="180975" h="170815">
                <a:moveTo>
                  <a:pt x="0" y="170687"/>
                </a:moveTo>
                <a:lnTo>
                  <a:pt x="18059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9" name="object 349"/>
          <p:cNvSpPr/>
          <p:nvPr/>
        </p:nvSpPr>
        <p:spPr>
          <a:xfrm>
            <a:off x="5100917" y="4803738"/>
            <a:ext cx="107576" cy="101600"/>
          </a:xfrm>
          <a:custGeom>
            <a:avLst/>
            <a:gdLst/>
            <a:ahLst/>
            <a:cxnLst/>
            <a:rect l="l" t="t" r="r" b="b"/>
            <a:pathLst>
              <a:path w="182879" h="172720">
                <a:moveTo>
                  <a:pt x="0" y="172212"/>
                </a:moveTo>
                <a:lnTo>
                  <a:pt x="18288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0" name="object 350"/>
          <p:cNvSpPr/>
          <p:nvPr/>
        </p:nvSpPr>
        <p:spPr>
          <a:xfrm>
            <a:off x="5101366" y="4805531"/>
            <a:ext cx="108697" cy="102347"/>
          </a:xfrm>
          <a:custGeom>
            <a:avLst/>
            <a:gdLst/>
            <a:ahLst/>
            <a:cxnLst/>
            <a:rect l="l" t="t" r="r" b="b"/>
            <a:pathLst>
              <a:path w="184784" h="173990">
                <a:moveTo>
                  <a:pt x="0" y="173736"/>
                </a:moveTo>
                <a:lnTo>
                  <a:pt x="18440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1" name="object 351"/>
          <p:cNvSpPr/>
          <p:nvPr/>
        </p:nvSpPr>
        <p:spPr>
          <a:xfrm>
            <a:off x="5101813" y="4806875"/>
            <a:ext cx="109818" cy="104215"/>
          </a:xfrm>
          <a:custGeom>
            <a:avLst/>
            <a:gdLst/>
            <a:ahLst/>
            <a:cxnLst/>
            <a:rect l="l" t="t" r="r" b="b"/>
            <a:pathLst>
              <a:path w="186690" h="177165">
                <a:moveTo>
                  <a:pt x="0" y="176784"/>
                </a:moveTo>
                <a:lnTo>
                  <a:pt x="18669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2" name="object 352"/>
          <p:cNvSpPr/>
          <p:nvPr/>
        </p:nvSpPr>
        <p:spPr>
          <a:xfrm>
            <a:off x="5101814" y="4837804"/>
            <a:ext cx="81429" cy="76199"/>
          </a:xfrm>
          <a:custGeom>
            <a:avLst/>
            <a:gdLst/>
            <a:ahLst/>
            <a:cxnLst/>
            <a:rect l="l" t="t" r="r" b="b"/>
            <a:pathLst>
              <a:path w="138429" h="129540">
                <a:moveTo>
                  <a:pt x="0" y="129539"/>
                </a:moveTo>
                <a:lnTo>
                  <a:pt x="13792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3" name="object 353"/>
          <p:cNvSpPr/>
          <p:nvPr/>
        </p:nvSpPr>
        <p:spPr>
          <a:xfrm>
            <a:off x="5183393" y="4808668"/>
            <a:ext cx="30256" cy="28388"/>
          </a:xfrm>
          <a:custGeom>
            <a:avLst/>
            <a:gdLst/>
            <a:ahLst/>
            <a:cxnLst/>
            <a:rect l="l" t="t" r="r" b="b"/>
            <a:pathLst>
              <a:path w="51434" h="48259">
                <a:moveTo>
                  <a:pt x="0" y="48006"/>
                </a:moveTo>
                <a:lnTo>
                  <a:pt x="51053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4" name="object 354"/>
          <p:cNvSpPr/>
          <p:nvPr/>
        </p:nvSpPr>
        <p:spPr>
          <a:xfrm>
            <a:off x="5101814" y="4842286"/>
            <a:ext cx="79935" cy="75079"/>
          </a:xfrm>
          <a:custGeom>
            <a:avLst/>
            <a:gdLst/>
            <a:ahLst/>
            <a:cxnLst/>
            <a:rect l="l" t="t" r="r" b="b"/>
            <a:pathLst>
              <a:path w="135890" h="127634">
                <a:moveTo>
                  <a:pt x="0" y="127254"/>
                </a:moveTo>
                <a:lnTo>
                  <a:pt x="135636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5" name="object 355"/>
          <p:cNvSpPr/>
          <p:nvPr/>
        </p:nvSpPr>
        <p:spPr>
          <a:xfrm>
            <a:off x="5182944" y="4810461"/>
            <a:ext cx="32124" cy="30256"/>
          </a:xfrm>
          <a:custGeom>
            <a:avLst/>
            <a:gdLst/>
            <a:ahLst/>
            <a:cxnLst/>
            <a:rect l="l" t="t" r="r" b="b"/>
            <a:pathLst>
              <a:path w="54609" h="51434">
                <a:moveTo>
                  <a:pt x="0" y="51054"/>
                </a:moveTo>
                <a:lnTo>
                  <a:pt x="5410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6" name="object 356"/>
          <p:cNvSpPr/>
          <p:nvPr/>
        </p:nvSpPr>
        <p:spPr>
          <a:xfrm>
            <a:off x="5101365" y="4846768"/>
            <a:ext cx="79188" cy="73959"/>
          </a:xfrm>
          <a:custGeom>
            <a:avLst/>
            <a:gdLst/>
            <a:ahLst/>
            <a:cxnLst/>
            <a:rect l="l" t="t" r="r" b="b"/>
            <a:pathLst>
              <a:path w="134620" h="125729">
                <a:moveTo>
                  <a:pt x="0" y="125730"/>
                </a:moveTo>
                <a:lnTo>
                  <a:pt x="13411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7" name="object 357"/>
          <p:cNvSpPr/>
          <p:nvPr/>
        </p:nvSpPr>
        <p:spPr>
          <a:xfrm>
            <a:off x="5182496" y="4812254"/>
            <a:ext cx="34364" cy="32496"/>
          </a:xfrm>
          <a:custGeom>
            <a:avLst/>
            <a:gdLst/>
            <a:ahLst/>
            <a:cxnLst/>
            <a:rect l="l" t="t" r="r" b="b"/>
            <a:pathLst>
              <a:path w="58420" h="55245">
                <a:moveTo>
                  <a:pt x="0" y="54864"/>
                </a:moveTo>
                <a:lnTo>
                  <a:pt x="5791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8" name="object 358"/>
          <p:cNvSpPr/>
          <p:nvPr/>
        </p:nvSpPr>
        <p:spPr>
          <a:xfrm>
            <a:off x="5101365" y="4850802"/>
            <a:ext cx="77694" cy="73959"/>
          </a:xfrm>
          <a:custGeom>
            <a:avLst/>
            <a:gdLst/>
            <a:ahLst/>
            <a:cxnLst/>
            <a:rect l="l" t="t" r="r" b="b"/>
            <a:pathLst>
              <a:path w="132079" h="125729">
                <a:moveTo>
                  <a:pt x="0" y="125729"/>
                </a:moveTo>
                <a:lnTo>
                  <a:pt x="131826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9" name="object 359"/>
          <p:cNvSpPr/>
          <p:nvPr/>
        </p:nvSpPr>
        <p:spPr>
          <a:xfrm>
            <a:off x="5182048" y="4814047"/>
            <a:ext cx="36606" cy="34364"/>
          </a:xfrm>
          <a:custGeom>
            <a:avLst/>
            <a:gdLst/>
            <a:ahLst/>
            <a:cxnLst/>
            <a:rect l="l" t="t" r="r" b="b"/>
            <a:pathLst>
              <a:path w="62229" h="58420">
                <a:moveTo>
                  <a:pt x="0" y="57912"/>
                </a:moveTo>
                <a:lnTo>
                  <a:pt x="6172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0" name="object 360"/>
          <p:cNvSpPr/>
          <p:nvPr/>
        </p:nvSpPr>
        <p:spPr>
          <a:xfrm>
            <a:off x="5295900" y="4622202"/>
            <a:ext cx="115421" cy="108697"/>
          </a:xfrm>
          <a:custGeom>
            <a:avLst/>
            <a:gdLst/>
            <a:ahLst/>
            <a:cxnLst/>
            <a:rect l="l" t="t" r="r" b="b"/>
            <a:pathLst>
              <a:path w="196215" h="184784">
                <a:moveTo>
                  <a:pt x="0" y="184404"/>
                </a:moveTo>
                <a:lnTo>
                  <a:pt x="195833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1" name="object 361"/>
          <p:cNvSpPr/>
          <p:nvPr/>
        </p:nvSpPr>
        <p:spPr>
          <a:xfrm>
            <a:off x="5299486" y="4621305"/>
            <a:ext cx="108697" cy="103094"/>
          </a:xfrm>
          <a:custGeom>
            <a:avLst/>
            <a:gdLst/>
            <a:ahLst/>
            <a:cxnLst/>
            <a:rect l="l" t="t" r="r" b="b"/>
            <a:pathLst>
              <a:path w="184784" h="175259">
                <a:moveTo>
                  <a:pt x="0" y="175260"/>
                </a:moveTo>
                <a:lnTo>
                  <a:pt x="18440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2" name="object 362"/>
          <p:cNvSpPr/>
          <p:nvPr/>
        </p:nvSpPr>
        <p:spPr>
          <a:xfrm>
            <a:off x="5302623" y="4621754"/>
            <a:ext cx="101974" cy="95997"/>
          </a:xfrm>
          <a:custGeom>
            <a:avLst/>
            <a:gdLst/>
            <a:ahLst/>
            <a:cxnLst/>
            <a:rect l="l" t="t" r="r" b="b"/>
            <a:pathLst>
              <a:path w="173354" h="163195">
                <a:moveTo>
                  <a:pt x="0" y="163068"/>
                </a:moveTo>
                <a:lnTo>
                  <a:pt x="17297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3" name="object 363"/>
          <p:cNvSpPr/>
          <p:nvPr/>
        </p:nvSpPr>
        <p:spPr>
          <a:xfrm>
            <a:off x="5306210" y="4623099"/>
            <a:ext cx="93382" cy="88526"/>
          </a:xfrm>
          <a:custGeom>
            <a:avLst/>
            <a:gdLst/>
            <a:ahLst/>
            <a:cxnLst/>
            <a:rect l="l" t="t" r="r" b="b"/>
            <a:pathLst>
              <a:path w="158750" h="150495">
                <a:moveTo>
                  <a:pt x="0" y="150113"/>
                </a:moveTo>
                <a:lnTo>
                  <a:pt x="158496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4" name="object 364"/>
          <p:cNvSpPr/>
          <p:nvPr/>
        </p:nvSpPr>
        <p:spPr>
          <a:xfrm>
            <a:off x="5309796" y="4624444"/>
            <a:ext cx="84791" cy="80309"/>
          </a:xfrm>
          <a:custGeom>
            <a:avLst/>
            <a:gdLst/>
            <a:ahLst/>
            <a:cxnLst/>
            <a:rect l="l" t="t" r="r" b="b"/>
            <a:pathLst>
              <a:path w="144145" h="136525">
                <a:moveTo>
                  <a:pt x="0" y="136398"/>
                </a:moveTo>
                <a:lnTo>
                  <a:pt x="144018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5" name="object 365"/>
          <p:cNvSpPr/>
          <p:nvPr/>
        </p:nvSpPr>
        <p:spPr>
          <a:xfrm>
            <a:off x="5313381" y="4625788"/>
            <a:ext cx="76199" cy="71718"/>
          </a:xfrm>
          <a:custGeom>
            <a:avLst/>
            <a:gdLst/>
            <a:ahLst/>
            <a:cxnLst/>
            <a:rect l="l" t="t" r="r" b="b"/>
            <a:pathLst>
              <a:path w="129540" h="121920">
                <a:moveTo>
                  <a:pt x="0" y="121919"/>
                </a:moveTo>
                <a:lnTo>
                  <a:pt x="129539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6" name="object 366"/>
          <p:cNvSpPr/>
          <p:nvPr/>
        </p:nvSpPr>
        <p:spPr>
          <a:xfrm>
            <a:off x="5319208" y="4629373"/>
            <a:ext cx="63500" cy="59765"/>
          </a:xfrm>
          <a:custGeom>
            <a:avLst/>
            <a:gdLst/>
            <a:ahLst/>
            <a:cxnLst/>
            <a:rect l="l" t="t" r="r" b="b"/>
            <a:pathLst>
              <a:path w="107950" h="101600">
                <a:moveTo>
                  <a:pt x="0" y="101345"/>
                </a:moveTo>
                <a:lnTo>
                  <a:pt x="10744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7" name="object 367"/>
          <p:cNvSpPr/>
          <p:nvPr/>
        </p:nvSpPr>
        <p:spPr>
          <a:xfrm>
            <a:off x="5327276" y="4634305"/>
            <a:ext cx="46691" cy="44076"/>
          </a:xfrm>
          <a:custGeom>
            <a:avLst/>
            <a:gdLst/>
            <a:ahLst/>
            <a:cxnLst/>
            <a:rect l="l" t="t" r="r" b="b"/>
            <a:pathLst>
              <a:path w="79375" h="74929">
                <a:moveTo>
                  <a:pt x="0" y="74675"/>
                </a:moveTo>
                <a:lnTo>
                  <a:pt x="79248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8" name="object 368"/>
          <p:cNvSpPr/>
          <p:nvPr/>
        </p:nvSpPr>
        <p:spPr>
          <a:xfrm>
            <a:off x="5341620" y="4656268"/>
            <a:ext cx="5603" cy="5229"/>
          </a:xfrm>
          <a:custGeom>
            <a:avLst/>
            <a:gdLst/>
            <a:ahLst/>
            <a:cxnLst/>
            <a:rect l="l" t="t" r="r" b="b"/>
            <a:pathLst>
              <a:path w="9525" h="8890">
                <a:moveTo>
                  <a:pt x="0" y="8381"/>
                </a:moveTo>
                <a:lnTo>
                  <a:pt x="914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9" name="object 369"/>
          <p:cNvSpPr/>
          <p:nvPr/>
        </p:nvSpPr>
        <p:spPr>
          <a:xfrm>
            <a:off x="5293210" y="4622651"/>
            <a:ext cx="120649" cy="113926"/>
          </a:xfrm>
          <a:custGeom>
            <a:avLst/>
            <a:gdLst/>
            <a:ahLst/>
            <a:cxnLst/>
            <a:rect l="l" t="t" r="r" b="b"/>
            <a:pathLst>
              <a:path w="205104" h="193675">
                <a:moveTo>
                  <a:pt x="0" y="193547"/>
                </a:moveTo>
                <a:lnTo>
                  <a:pt x="204978" y="0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0" name="object 370"/>
          <p:cNvSpPr/>
          <p:nvPr/>
        </p:nvSpPr>
        <p:spPr>
          <a:xfrm>
            <a:off x="5290969" y="4623099"/>
            <a:ext cx="126252" cy="119529"/>
          </a:xfrm>
          <a:custGeom>
            <a:avLst/>
            <a:gdLst/>
            <a:ahLst/>
            <a:cxnLst/>
            <a:rect l="l" t="t" r="r" b="b"/>
            <a:pathLst>
              <a:path w="214629" h="203200">
                <a:moveTo>
                  <a:pt x="0" y="202692"/>
                </a:moveTo>
                <a:lnTo>
                  <a:pt x="21412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1" name="object 371"/>
          <p:cNvSpPr/>
          <p:nvPr/>
        </p:nvSpPr>
        <p:spPr>
          <a:xfrm>
            <a:off x="5288280" y="4623547"/>
            <a:ext cx="131482" cy="124385"/>
          </a:xfrm>
          <a:custGeom>
            <a:avLst/>
            <a:gdLst/>
            <a:ahLst/>
            <a:cxnLst/>
            <a:rect l="l" t="t" r="r" b="b"/>
            <a:pathLst>
              <a:path w="223520" h="211454">
                <a:moveTo>
                  <a:pt x="0" y="211074"/>
                </a:moveTo>
                <a:lnTo>
                  <a:pt x="223265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2" name="object 372"/>
          <p:cNvSpPr/>
          <p:nvPr/>
        </p:nvSpPr>
        <p:spPr>
          <a:xfrm>
            <a:off x="5222837" y="4713642"/>
            <a:ext cx="70596" cy="66861"/>
          </a:xfrm>
          <a:custGeom>
            <a:avLst/>
            <a:gdLst/>
            <a:ahLst/>
            <a:cxnLst/>
            <a:rect l="l" t="t" r="r" b="b"/>
            <a:pathLst>
              <a:path w="120015" h="113665">
                <a:moveTo>
                  <a:pt x="0" y="113537"/>
                </a:moveTo>
                <a:lnTo>
                  <a:pt x="11963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3" name="object 373"/>
          <p:cNvSpPr/>
          <p:nvPr/>
        </p:nvSpPr>
        <p:spPr>
          <a:xfrm>
            <a:off x="5221045" y="4708711"/>
            <a:ext cx="73585" cy="70224"/>
          </a:xfrm>
          <a:custGeom>
            <a:avLst/>
            <a:gdLst/>
            <a:ahLst/>
            <a:cxnLst/>
            <a:rect l="l" t="t" r="r" b="b"/>
            <a:pathLst>
              <a:path w="125095" h="119379">
                <a:moveTo>
                  <a:pt x="0" y="118871"/>
                </a:moveTo>
                <a:lnTo>
                  <a:pt x="124968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4" name="object 374"/>
          <p:cNvSpPr/>
          <p:nvPr/>
        </p:nvSpPr>
        <p:spPr>
          <a:xfrm>
            <a:off x="5219252" y="4702436"/>
            <a:ext cx="78441" cy="74706"/>
          </a:xfrm>
          <a:custGeom>
            <a:avLst/>
            <a:gdLst/>
            <a:ahLst/>
            <a:cxnLst/>
            <a:rect l="l" t="t" r="r" b="b"/>
            <a:pathLst>
              <a:path w="133350" h="127000">
                <a:moveTo>
                  <a:pt x="0" y="126491"/>
                </a:moveTo>
                <a:lnTo>
                  <a:pt x="13335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5" name="object 375"/>
          <p:cNvSpPr/>
          <p:nvPr/>
        </p:nvSpPr>
        <p:spPr>
          <a:xfrm>
            <a:off x="5217459" y="4696161"/>
            <a:ext cx="84044" cy="79188"/>
          </a:xfrm>
          <a:custGeom>
            <a:avLst/>
            <a:gdLst/>
            <a:ahLst/>
            <a:cxnLst/>
            <a:rect l="l" t="t" r="r" b="b"/>
            <a:pathLst>
              <a:path w="142875" h="134620">
                <a:moveTo>
                  <a:pt x="0" y="134112"/>
                </a:moveTo>
                <a:lnTo>
                  <a:pt x="14249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6" name="object 376"/>
          <p:cNvSpPr/>
          <p:nvPr/>
        </p:nvSpPr>
        <p:spPr>
          <a:xfrm>
            <a:off x="5215665" y="4689886"/>
            <a:ext cx="88900" cy="84044"/>
          </a:xfrm>
          <a:custGeom>
            <a:avLst/>
            <a:gdLst/>
            <a:ahLst/>
            <a:cxnLst/>
            <a:rect l="l" t="t" r="r" b="b"/>
            <a:pathLst>
              <a:path w="151129" h="142875">
                <a:moveTo>
                  <a:pt x="0" y="142494"/>
                </a:moveTo>
                <a:lnTo>
                  <a:pt x="150876" y="0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7" name="object 377"/>
          <p:cNvSpPr/>
          <p:nvPr/>
        </p:nvSpPr>
        <p:spPr>
          <a:xfrm>
            <a:off x="5213873" y="4703781"/>
            <a:ext cx="72464" cy="68356"/>
          </a:xfrm>
          <a:custGeom>
            <a:avLst/>
            <a:gdLst/>
            <a:ahLst/>
            <a:cxnLst/>
            <a:rect l="l" t="t" r="r" b="b"/>
            <a:pathLst>
              <a:path w="123190" h="116204">
                <a:moveTo>
                  <a:pt x="0" y="115824"/>
                </a:moveTo>
                <a:lnTo>
                  <a:pt x="122682" y="0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8" name="object 378"/>
          <p:cNvSpPr/>
          <p:nvPr/>
        </p:nvSpPr>
        <p:spPr>
          <a:xfrm>
            <a:off x="5212528" y="4725296"/>
            <a:ext cx="47812" cy="44824"/>
          </a:xfrm>
          <a:custGeom>
            <a:avLst/>
            <a:gdLst/>
            <a:ahLst/>
            <a:cxnLst/>
            <a:rect l="l" t="t" r="r" b="b"/>
            <a:pathLst>
              <a:path w="81279" h="76200">
                <a:moveTo>
                  <a:pt x="0" y="76200"/>
                </a:moveTo>
                <a:lnTo>
                  <a:pt x="8077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9" name="object 379"/>
          <p:cNvSpPr/>
          <p:nvPr/>
        </p:nvSpPr>
        <p:spPr>
          <a:xfrm>
            <a:off x="5210735" y="4746812"/>
            <a:ext cx="23159" cy="22038"/>
          </a:xfrm>
          <a:custGeom>
            <a:avLst/>
            <a:gdLst/>
            <a:ahLst/>
            <a:cxnLst/>
            <a:rect l="l" t="t" r="r" b="b"/>
            <a:pathLst>
              <a:path w="39370" h="37465">
                <a:moveTo>
                  <a:pt x="0" y="37337"/>
                </a:moveTo>
                <a:lnTo>
                  <a:pt x="3886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0" name="object 380"/>
          <p:cNvSpPr/>
          <p:nvPr/>
        </p:nvSpPr>
        <p:spPr>
          <a:xfrm>
            <a:off x="5224182" y="4718572"/>
            <a:ext cx="67235" cy="63500"/>
          </a:xfrm>
          <a:custGeom>
            <a:avLst/>
            <a:gdLst/>
            <a:ahLst/>
            <a:cxnLst/>
            <a:rect l="l" t="t" r="r" b="b"/>
            <a:pathLst>
              <a:path w="114300" h="107950">
                <a:moveTo>
                  <a:pt x="0" y="107441"/>
                </a:moveTo>
                <a:lnTo>
                  <a:pt x="11430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1" name="object 381"/>
          <p:cNvSpPr/>
          <p:nvPr/>
        </p:nvSpPr>
        <p:spPr>
          <a:xfrm>
            <a:off x="5225975" y="4723055"/>
            <a:ext cx="64247" cy="60512"/>
          </a:xfrm>
          <a:custGeom>
            <a:avLst/>
            <a:gdLst/>
            <a:ahLst/>
            <a:cxnLst/>
            <a:rect l="l" t="t" r="r" b="b"/>
            <a:pathLst>
              <a:path w="109220" h="102870">
                <a:moveTo>
                  <a:pt x="0" y="102869"/>
                </a:moveTo>
                <a:lnTo>
                  <a:pt x="108966" y="0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2" name="object 382"/>
          <p:cNvSpPr/>
          <p:nvPr/>
        </p:nvSpPr>
        <p:spPr>
          <a:xfrm>
            <a:off x="5227769" y="4727986"/>
            <a:ext cx="61258" cy="57524"/>
          </a:xfrm>
          <a:custGeom>
            <a:avLst/>
            <a:gdLst/>
            <a:ahLst/>
            <a:cxnLst/>
            <a:rect l="l" t="t" r="r" b="b"/>
            <a:pathLst>
              <a:path w="104140" h="97790">
                <a:moveTo>
                  <a:pt x="0" y="97536"/>
                </a:moveTo>
                <a:lnTo>
                  <a:pt x="10363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3" name="object 383"/>
          <p:cNvSpPr/>
          <p:nvPr/>
        </p:nvSpPr>
        <p:spPr>
          <a:xfrm>
            <a:off x="5229561" y="4732468"/>
            <a:ext cx="57524" cy="54535"/>
          </a:xfrm>
          <a:custGeom>
            <a:avLst/>
            <a:gdLst/>
            <a:ahLst/>
            <a:cxnLst/>
            <a:rect l="l" t="t" r="r" b="b"/>
            <a:pathLst>
              <a:path w="97790" h="92709">
                <a:moveTo>
                  <a:pt x="0" y="92201"/>
                </a:moveTo>
                <a:lnTo>
                  <a:pt x="97535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4" name="object 384"/>
          <p:cNvSpPr/>
          <p:nvPr/>
        </p:nvSpPr>
        <p:spPr>
          <a:xfrm>
            <a:off x="5231354" y="4737399"/>
            <a:ext cx="54535" cy="51174"/>
          </a:xfrm>
          <a:custGeom>
            <a:avLst/>
            <a:gdLst/>
            <a:ahLst/>
            <a:cxnLst/>
            <a:rect l="l" t="t" r="r" b="b"/>
            <a:pathLst>
              <a:path w="92709" h="86995">
                <a:moveTo>
                  <a:pt x="0" y="86868"/>
                </a:moveTo>
                <a:lnTo>
                  <a:pt x="9220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5" name="object 385"/>
          <p:cNvSpPr/>
          <p:nvPr/>
        </p:nvSpPr>
        <p:spPr>
          <a:xfrm>
            <a:off x="5233147" y="4741433"/>
            <a:ext cx="51547" cy="48932"/>
          </a:xfrm>
          <a:custGeom>
            <a:avLst/>
            <a:gdLst/>
            <a:ahLst/>
            <a:cxnLst/>
            <a:rect l="l" t="t" r="r" b="b"/>
            <a:pathLst>
              <a:path w="87629" h="83184">
                <a:moveTo>
                  <a:pt x="0" y="83057"/>
                </a:moveTo>
                <a:lnTo>
                  <a:pt x="8763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6" name="object 386"/>
          <p:cNvSpPr/>
          <p:nvPr/>
        </p:nvSpPr>
        <p:spPr>
          <a:xfrm>
            <a:off x="5234940" y="4745466"/>
            <a:ext cx="48932" cy="46318"/>
          </a:xfrm>
          <a:custGeom>
            <a:avLst/>
            <a:gdLst/>
            <a:ahLst/>
            <a:cxnLst/>
            <a:rect l="l" t="t" r="r" b="b"/>
            <a:pathLst>
              <a:path w="83184" h="78740">
                <a:moveTo>
                  <a:pt x="0" y="78486"/>
                </a:moveTo>
                <a:lnTo>
                  <a:pt x="83058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7" name="object 387"/>
          <p:cNvSpPr/>
          <p:nvPr/>
        </p:nvSpPr>
        <p:spPr>
          <a:xfrm>
            <a:off x="5236285" y="4749501"/>
            <a:ext cx="46691" cy="44076"/>
          </a:xfrm>
          <a:custGeom>
            <a:avLst/>
            <a:gdLst/>
            <a:ahLst/>
            <a:cxnLst/>
            <a:rect l="l" t="t" r="r" b="b"/>
            <a:pathLst>
              <a:path w="79375" h="74929">
                <a:moveTo>
                  <a:pt x="0" y="74675"/>
                </a:moveTo>
                <a:lnTo>
                  <a:pt x="79248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8" name="object 388"/>
          <p:cNvSpPr/>
          <p:nvPr/>
        </p:nvSpPr>
        <p:spPr>
          <a:xfrm>
            <a:off x="5238077" y="4753535"/>
            <a:ext cx="44076" cy="41835"/>
          </a:xfrm>
          <a:custGeom>
            <a:avLst/>
            <a:gdLst/>
            <a:ahLst/>
            <a:cxnLst/>
            <a:rect l="l" t="t" r="r" b="b"/>
            <a:pathLst>
              <a:path w="74929" h="71120">
                <a:moveTo>
                  <a:pt x="0" y="70865"/>
                </a:moveTo>
                <a:lnTo>
                  <a:pt x="74676" y="0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9" name="object 389"/>
          <p:cNvSpPr/>
          <p:nvPr/>
        </p:nvSpPr>
        <p:spPr>
          <a:xfrm>
            <a:off x="5356860" y="4634305"/>
            <a:ext cx="14568" cy="11953"/>
          </a:xfrm>
          <a:custGeom>
            <a:avLst/>
            <a:gdLst/>
            <a:ahLst/>
            <a:cxnLst/>
            <a:rect l="l" t="t" r="r" b="b"/>
            <a:pathLst>
              <a:path w="24765" h="20320">
                <a:moveTo>
                  <a:pt x="24383" y="0"/>
                </a:moveTo>
                <a:lnTo>
                  <a:pt x="0" y="19812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0" name="object 390"/>
          <p:cNvSpPr/>
          <p:nvPr/>
        </p:nvSpPr>
        <p:spPr>
          <a:xfrm>
            <a:off x="5278418" y="4571882"/>
            <a:ext cx="192741" cy="256241"/>
          </a:xfrm>
          <a:custGeom>
            <a:avLst/>
            <a:gdLst/>
            <a:ahLst/>
            <a:cxnLst/>
            <a:rect l="l" t="t" r="r" b="b"/>
            <a:pathLst>
              <a:path w="327659" h="435609">
                <a:moveTo>
                  <a:pt x="199644" y="104593"/>
                </a:moveTo>
                <a:lnTo>
                  <a:pt x="198882" y="106879"/>
                </a:lnTo>
                <a:lnTo>
                  <a:pt x="198882" y="116785"/>
                </a:lnTo>
                <a:lnTo>
                  <a:pt x="199644" y="118309"/>
                </a:lnTo>
                <a:lnTo>
                  <a:pt x="200406" y="124405"/>
                </a:lnTo>
                <a:lnTo>
                  <a:pt x="201168" y="126691"/>
                </a:lnTo>
                <a:lnTo>
                  <a:pt x="201930" y="130501"/>
                </a:lnTo>
                <a:lnTo>
                  <a:pt x="202692" y="132787"/>
                </a:lnTo>
                <a:lnTo>
                  <a:pt x="204216" y="135835"/>
                </a:lnTo>
                <a:lnTo>
                  <a:pt x="205740" y="139645"/>
                </a:lnTo>
                <a:lnTo>
                  <a:pt x="206502" y="140407"/>
                </a:lnTo>
                <a:lnTo>
                  <a:pt x="207264" y="141169"/>
                </a:lnTo>
                <a:lnTo>
                  <a:pt x="207264" y="141931"/>
                </a:lnTo>
                <a:lnTo>
                  <a:pt x="208026" y="143455"/>
                </a:lnTo>
                <a:lnTo>
                  <a:pt x="209550" y="145741"/>
                </a:lnTo>
                <a:lnTo>
                  <a:pt x="211836" y="148789"/>
                </a:lnTo>
                <a:lnTo>
                  <a:pt x="214884" y="151837"/>
                </a:lnTo>
                <a:lnTo>
                  <a:pt x="218871" y="156130"/>
                </a:lnTo>
                <a:lnTo>
                  <a:pt x="223342" y="159889"/>
                </a:lnTo>
                <a:lnTo>
                  <a:pt x="228600" y="162505"/>
                </a:lnTo>
                <a:lnTo>
                  <a:pt x="230124" y="163267"/>
                </a:lnTo>
                <a:lnTo>
                  <a:pt x="230886" y="163267"/>
                </a:lnTo>
                <a:lnTo>
                  <a:pt x="231648" y="164029"/>
                </a:lnTo>
                <a:lnTo>
                  <a:pt x="232410" y="164029"/>
                </a:lnTo>
                <a:lnTo>
                  <a:pt x="234696" y="165553"/>
                </a:lnTo>
                <a:lnTo>
                  <a:pt x="236220" y="165553"/>
                </a:lnTo>
                <a:lnTo>
                  <a:pt x="239268" y="167077"/>
                </a:lnTo>
                <a:lnTo>
                  <a:pt x="241554" y="167839"/>
                </a:lnTo>
                <a:lnTo>
                  <a:pt x="244602" y="167839"/>
                </a:lnTo>
                <a:lnTo>
                  <a:pt x="244602" y="168601"/>
                </a:lnTo>
                <a:lnTo>
                  <a:pt x="251460" y="168601"/>
                </a:lnTo>
                <a:lnTo>
                  <a:pt x="264414" y="166315"/>
                </a:lnTo>
                <a:lnTo>
                  <a:pt x="267462" y="165553"/>
                </a:lnTo>
                <a:lnTo>
                  <a:pt x="268224" y="164791"/>
                </a:lnTo>
                <a:lnTo>
                  <a:pt x="278518" y="157413"/>
                </a:lnTo>
                <a:lnTo>
                  <a:pt x="309493" y="121251"/>
                </a:lnTo>
                <a:lnTo>
                  <a:pt x="325374" y="78685"/>
                </a:lnTo>
                <a:lnTo>
                  <a:pt x="327044" y="57374"/>
                </a:lnTo>
                <a:lnTo>
                  <a:pt x="324629" y="44896"/>
                </a:lnTo>
                <a:lnTo>
                  <a:pt x="301752" y="11629"/>
                </a:lnTo>
                <a:lnTo>
                  <a:pt x="295656" y="7819"/>
                </a:lnTo>
                <a:lnTo>
                  <a:pt x="294132" y="6295"/>
                </a:lnTo>
                <a:lnTo>
                  <a:pt x="282068" y="1693"/>
                </a:lnTo>
                <a:lnTo>
                  <a:pt x="270290" y="0"/>
                </a:lnTo>
                <a:lnTo>
                  <a:pt x="258382" y="555"/>
                </a:lnTo>
                <a:lnTo>
                  <a:pt x="214302" y="15214"/>
                </a:lnTo>
                <a:lnTo>
                  <a:pt x="181081" y="36964"/>
                </a:lnTo>
                <a:lnTo>
                  <a:pt x="153924" y="59635"/>
                </a:lnTo>
                <a:lnTo>
                  <a:pt x="141732" y="70303"/>
                </a:lnTo>
                <a:lnTo>
                  <a:pt x="113282" y="99173"/>
                </a:lnTo>
                <a:lnTo>
                  <a:pt x="81498" y="138005"/>
                </a:lnTo>
                <a:lnTo>
                  <a:pt x="55158" y="179078"/>
                </a:lnTo>
                <a:lnTo>
                  <a:pt x="32532" y="224414"/>
                </a:lnTo>
                <a:lnTo>
                  <a:pt x="17526" y="263089"/>
                </a:lnTo>
                <a:lnTo>
                  <a:pt x="14478" y="271471"/>
                </a:lnTo>
                <a:lnTo>
                  <a:pt x="4177" y="320886"/>
                </a:lnTo>
                <a:lnTo>
                  <a:pt x="306" y="359516"/>
                </a:lnTo>
                <a:lnTo>
                  <a:pt x="0" y="365959"/>
                </a:lnTo>
                <a:lnTo>
                  <a:pt x="321" y="378219"/>
                </a:lnTo>
                <a:lnTo>
                  <a:pt x="2200" y="391266"/>
                </a:lnTo>
                <a:lnTo>
                  <a:pt x="5079" y="403903"/>
                </a:lnTo>
                <a:lnTo>
                  <a:pt x="7620" y="413203"/>
                </a:lnTo>
                <a:lnTo>
                  <a:pt x="8382" y="417013"/>
                </a:lnTo>
                <a:lnTo>
                  <a:pt x="14478" y="435301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1" name="object 391"/>
          <p:cNvSpPr/>
          <p:nvPr/>
        </p:nvSpPr>
        <p:spPr>
          <a:xfrm>
            <a:off x="5278867" y="4620857"/>
            <a:ext cx="148664" cy="156882"/>
          </a:xfrm>
          <a:custGeom>
            <a:avLst/>
            <a:gdLst/>
            <a:ahLst/>
            <a:cxnLst/>
            <a:rect l="l" t="t" r="r" b="b"/>
            <a:pathLst>
              <a:path w="252729" h="266700">
                <a:moveTo>
                  <a:pt x="206501" y="58673"/>
                </a:moveTo>
                <a:lnTo>
                  <a:pt x="208025" y="58673"/>
                </a:lnTo>
                <a:lnTo>
                  <a:pt x="214883" y="57911"/>
                </a:lnTo>
                <a:lnTo>
                  <a:pt x="215645" y="57911"/>
                </a:lnTo>
                <a:lnTo>
                  <a:pt x="217169" y="57149"/>
                </a:lnTo>
                <a:lnTo>
                  <a:pt x="217931" y="57149"/>
                </a:lnTo>
                <a:lnTo>
                  <a:pt x="220217" y="56387"/>
                </a:lnTo>
                <a:lnTo>
                  <a:pt x="220979" y="56387"/>
                </a:lnTo>
                <a:lnTo>
                  <a:pt x="224027" y="55625"/>
                </a:lnTo>
                <a:lnTo>
                  <a:pt x="232409" y="51053"/>
                </a:lnTo>
                <a:lnTo>
                  <a:pt x="234695" y="49529"/>
                </a:lnTo>
                <a:lnTo>
                  <a:pt x="236219" y="48005"/>
                </a:lnTo>
                <a:lnTo>
                  <a:pt x="238505" y="46481"/>
                </a:lnTo>
                <a:lnTo>
                  <a:pt x="241553" y="44195"/>
                </a:lnTo>
                <a:lnTo>
                  <a:pt x="241553" y="43433"/>
                </a:lnTo>
                <a:lnTo>
                  <a:pt x="242315" y="42671"/>
                </a:lnTo>
                <a:lnTo>
                  <a:pt x="243077" y="42671"/>
                </a:lnTo>
                <a:lnTo>
                  <a:pt x="245363" y="40385"/>
                </a:lnTo>
                <a:lnTo>
                  <a:pt x="247649" y="37337"/>
                </a:lnTo>
                <a:lnTo>
                  <a:pt x="248411" y="35813"/>
                </a:lnTo>
                <a:lnTo>
                  <a:pt x="249173" y="35051"/>
                </a:lnTo>
                <a:lnTo>
                  <a:pt x="249935" y="33527"/>
                </a:lnTo>
                <a:lnTo>
                  <a:pt x="249935" y="32765"/>
                </a:lnTo>
                <a:lnTo>
                  <a:pt x="250697" y="32765"/>
                </a:lnTo>
                <a:lnTo>
                  <a:pt x="250697" y="31241"/>
                </a:lnTo>
                <a:lnTo>
                  <a:pt x="251459" y="30479"/>
                </a:lnTo>
                <a:lnTo>
                  <a:pt x="252221" y="25907"/>
                </a:lnTo>
                <a:lnTo>
                  <a:pt x="252221" y="18287"/>
                </a:lnTo>
                <a:lnTo>
                  <a:pt x="251459" y="17525"/>
                </a:lnTo>
                <a:lnTo>
                  <a:pt x="250697" y="15239"/>
                </a:lnTo>
                <a:lnTo>
                  <a:pt x="248411" y="10667"/>
                </a:lnTo>
                <a:lnTo>
                  <a:pt x="247649" y="9905"/>
                </a:lnTo>
                <a:lnTo>
                  <a:pt x="244601" y="6857"/>
                </a:lnTo>
                <a:lnTo>
                  <a:pt x="243077" y="6095"/>
                </a:lnTo>
                <a:lnTo>
                  <a:pt x="242315" y="5333"/>
                </a:lnTo>
                <a:lnTo>
                  <a:pt x="241553" y="5333"/>
                </a:lnTo>
                <a:lnTo>
                  <a:pt x="240029" y="3809"/>
                </a:lnTo>
                <a:lnTo>
                  <a:pt x="239267" y="3809"/>
                </a:lnTo>
                <a:lnTo>
                  <a:pt x="236981" y="2285"/>
                </a:lnTo>
                <a:lnTo>
                  <a:pt x="236219" y="2285"/>
                </a:lnTo>
                <a:lnTo>
                  <a:pt x="233171" y="761"/>
                </a:lnTo>
                <a:lnTo>
                  <a:pt x="230885" y="761"/>
                </a:lnTo>
                <a:lnTo>
                  <a:pt x="227837" y="0"/>
                </a:lnTo>
                <a:lnTo>
                  <a:pt x="226313" y="0"/>
                </a:lnTo>
                <a:lnTo>
                  <a:pt x="177185" y="12266"/>
                </a:lnTo>
                <a:lnTo>
                  <a:pt x="143569" y="34034"/>
                </a:lnTo>
                <a:lnTo>
                  <a:pt x="114288" y="60435"/>
                </a:lnTo>
                <a:lnTo>
                  <a:pt x="102107" y="73913"/>
                </a:lnTo>
                <a:lnTo>
                  <a:pt x="100583" y="74675"/>
                </a:lnTo>
                <a:lnTo>
                  <a:pt x="96011" y="80771"/>
                </a:lnTo>
                <a:lnTo>
                  <a:pt x="92201" y="84581"/>
                </a:lnTo>
                <a:lnTo>
                  <a:pt x="89153" y="88391"/>
                </a:lnTo>
                <a:lnTo>
                  <a:pt x="84581" y="92963"/>
                </a:lnTo>
                <a:lnTo>
                  <a:pt x="84581" y="94487"/>
                </a:lnTo>
                <a:lnTo>
                  <a:pt x="79247" y="99821"/>
                </a:lnTo>
                <a:lnTo>
                  <a:pt x="78485" y="102107"/>
                </a:lnTo>
                <a:lnTo>
                  <a:pt x="73913" y="107441"/>
                </a:lnTo>
                <a:lnTo>
                  <a:pt x="68579" y="115061"/>
                </a:lnTo>
                <a:lnTo>
                  <a:pt x="68579" y="115823"/>
                </a:lnTo>
                <a:lnTo>
                  <a:pt x="64007" y="121919"/>
                </a:lnTo>
                <a:lnTo>
                  <a:pt x="62483" y="124967"/>
                </a:lnTo>
                <a:lnTo>
                  <a:pt x="61721" y="125729"/>
                </a:lnTo>
                <a:lnTo>
                  <a:pt x="61721" y="126491"/>
                </a:lnTo>
                <a:lnTo>
                  <a:pt x="60197" y="128015"/>
                </a:lnTo>
                <a:lnTo>
                  <a:pt x="58673" y="131063"/>
                </a:lnTo>
                <a:lnTo>
                  <a:pt x="55625" y="136397"/>
                </a:lnTo>
                <a:lnTo>
                  <a:pt x="53339" y="140969"/>
                </a:lnTo>
                <a:lnTo>
                  <a:pt x="51815" y="142493"/>
                </a:lnTo>
                <a:lnTo>
                  <a:pt x="50291" y="145541"/>
                </a:lnTo>
                <a:lnTo>
                  <a:pt x="50291" y="146303"/>
                </a:lnTo>
                <a:lnTo>
                  <a:pt x="49529" y="147827"/>
                </a:lnTo>
                <a:lnTo>
                  <a:pt x="28260" y="187366"/>
                </a:lnTo>
                <a:lnTo>
                  <a:pt x="9970" y="231616"/>
                </a:lnTo>
                <a:lnTo>
                  <a:pt x="1523" y="262889"/>
                </a:lnTo>
                <a:lnTo>
                  <a:pt x="761" y="263651"/>
                </a:lnTo>
                <a:lnTo>
                  <a:pt x="0" y="266699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2" name="object 392"/>
          <p:cNvSpPr/>
          <p:nvPr/>
        </p:nvSpPr>
        <p:spPr>
          <a:xfrm>
            <a:off x="5164119" y="4753087"/>
            <a:ext cx="75079" cy="43329"/>
          </a:xfrm>
          <a:custGeom>
            <a:avLst/>
            <a:gdLst/>
            <a:ahLst/>
            <a:cxnLst/>
            <a:rect l="l" t="t" r="r" b="b"/>
            <a:pathLst>
              <a:path w="127634" h="73659">
                <a:moveTo>
                  <a:pt x="127253" y="73151"/>
                </a:moveTo>
                <a:lnTo>
                  <a:pt x="126491" y="72389"/>
                </a:lnTo>
                <a:lnTo>
                  <a:pt x="123545" y="69595"/>
                </a:lnTo>
                <a:lnTo>
                  <a:pt x="121462" y="66052"/>
                </a:lnTo>
                <a:lnTo>
                  <a:pt x="118109" y="63245"/>
                </a:lnTo>
                <a:lnTo>
                  <a:pt x="117347" y="63245"/>
                </a:lnTo>
                <a:lnTo>
                  <a:pt x="116585" y="61721"/>
                </a:lnTo>
                <a:lnTo>
                  <a:pt x="114299" y="59435"/>
                </a:lnTo>
                <a:lnTo>
                  <a:pt x="112775" y="58673"/>
                </a:lnTo>
                <a:lnTo>
                  <a:pt x="112775" y="57911"/>
                </a:lnTo>
                <a:lnTo>
                  <a:pt x="83255" y="30662"/>
                </a:lnTo>
                <a:lnTo>
                  <a:pt x="73722" y="22234"/>
                </a:lnTo>
                <a:lnTo>
                  <a:pt x="67817" y="16763"/>
                </a:lnTo>
                <a:lnTo>
                  <a:pt x="67055" y="16763"/>
                </a:lnTo>
                <a:lnTo>
                  <a:pt x="62483" y="12191"/>
                </a:lnTo>
                <a:lnTo>
                  <a:pt x="61721" y="12191"/>
                </a:lnTo>
                <a:lnTo>
                  <a:pt x="60959" y="11429"/>
                </a:lnTo>
                <a:lnTo>
                  <a:pt x="59435" y="10667"/>
                </a:lnTo>
                <a:lnTo>
                  <a:pt x="57149" y="9143"/>
                </a:lnTo>
                <a:lnTo>
                  <a:pt x="54178" y="6870"/>
                </a:lnTo>
                <a:lnTo>
                  <a:pt x="46913" y="3733"/>
                </a:lnTo>
                <a:lnTo>
                  <a:pt x="43433" y="3047"/>
                </a:lnTo>
                <a:lnTo>
                  <a:pt x="40385" y="2285"/>
                </a:lnTo>
                <a:lnTo>
                  <a:pt x="39623" y="1523"/>
                </a:lnTo>
                <a:lnTo>
                  <a:pt x="32003" y="0"/>
                </a:lnTo>
                <a:lnTo>
                  <a:pt x="20573" y="0"/>
                </a:lnTo>
                <a:lnTo>
                  <a:pt x="19811" y="761"/>
                </a:lnTo>
                <a:lnTo>
                  <a:pt x="17525" y="761"/>
                </a:lnTo>
                <a:lnTo>
                  <a:pt x="16001" y="1523"/>
                </a:lnTo>
                <a:lnTo>
                  <a:pt x="15239" y="1523"/>
                </a:lnTo>
                <a:lnTo>
                  <a:pt x="13715" y="2285"/>
                </a:lnTo>
                <a:lnTo>
                  <a:pt x="12953" y="2285"/>
                </a:lnTo>
                <a:lnTo>
                  <a:pt x="12191" y="3047"/>
                </a:lnTo>
                <a:lnTo>
                  <a:pt x="9143" y="4571"/>
                </a:lnTo>
                <a:lnTo>
                  <a:pt x="8381" y="5333"/>
                </a:lnTo>
                <a:lnTo>
                  <a:pt x="8381" y="6095"/>
                </a:lnTo>
                <a:lnTo>
                  <a:pt x="4571" y="9905"/>
                </a:lnTo>
                <a:lnTo>
                  <a:pt x="3809" y="11429"/>
                </a:lnTo>
                <a:lnTo>
                  <a:pt x="3809" y="12191"/>
                </a:lnTo>
                <a:lnTo>
                  <a:pt x="3047" y="12953"/>
                </a:lnTo>
                <a:lnTo>
                  <a:pt x="2285" y="13715"/>
                </a:lnTo>
                <a:lnTo>
                  <a:pt x="2285" y="14477"/>
                </a:lnTo>
                <a:lnTo>
                  <a:pt x="1358" y="17525"/>
                </a:lnTo>
                <a:lnTo>
                  <a:pt x="520" y="16903"/>
                </a:lnTo>
                <a:lnTo>
                  <a:pt x="761" y="19049"/>
                </a:lnTo>
                <a:lnTo>
                  <a:pt x="0" y="22859"/>
                </a:lnTo>
                <a:lnTo>
                  <a:pt x="0" y="23621"/>
                </a:lnTo>
                <a:lnTo>
                  <a:pt x="2285" y="47243"/>
                </a:lnTo>
                <a:lnTo>
                  <a:pt x="3809" y="60959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3" name="object 393"/>
          <p:cNvSpPr/>
          <p:nvPr/>
        </p:nvSpPr>
        <p:spPr>
          <a:xfrm>
            <a:off x="4991944" y="4784015"/>
            <a:ext cx="192741" cy="256241"/>
          </a:xfrm>
          <a:custGeom>
            <a:avLst/>
            <a:gdLst/>
            <a:ahLst/>
            <a:cxnLst/>
            <a:rect l="l" t="t" r="r" b="b"/>
            <a:pathLst>
              <a:path w="327659" h="435609">
                <a:moveTo>
                  <a:pt x="127343" y="330707"/>
                </a:moveTo>
                <a:lnTo>
                  <a:pt x="127343" y="329183"/>
                </a:lnTo>
                <a:lnTo>
                  <a:pt x="128105" y="326897"/>
                </a:lnTo>
                <a:lnTo>
                  <a:pt x="128105" y="320039"/>
                </a:lnTo>
                <a:lnTo>
                  <a:pt x="127343" y="318515"/>
                </a:lnTo>
                <a:lnTo>
                  <a:pt x="126581" y="311657"/>
                </a:lnTo>
                <a:lnTo>
                  <a:pt x="125057" y="306323"/>
                </a:lnTo>
                <a:lnTo>
                  <a:pt x="125057" y="304037"/>
                </a:lnTo>
                <a:lnTo>
                  <a:pt x="123533" y="301751"/>
                </a:lnTo>
                <a:lnTo>
                  <a:pt x="122771" y="299465"/>
                </a:lnTo>
                <a:lnTo>
                  <a:pt x="101435" y="275081"/>
                </a:lnTo>
                <a:lnTo>
                  <a:pt x="101435" y="274319"/>
                </a:lnTo>
                <a:lnTo>
                  <a:pt x="99911" y="273557"/>
                </a:lnTo>
                <a:lnTo>
                  <a:pt x="92964" y="269989"/>
                </a:lnTo>
                <a:lnTo>
                  <a:pt x="85789" y="266280"/>
                </a:lnTo>
                <a:lnTo>
                  <a:pt x="77813" y="266699"/>
                </a:lnTo>
                <a:lnTo>
                  <a:pt x="77051" y="265937"/>
                </a:lnTo>
                <a:lnTo>
                  <a:pt x="71717" y="266699"/>
                </a:lnTo>
                <a:lnTo>
                  <a:pt x="69431" y="266699"/>
                </a:lnTo>
                <a:lnTo>
                  <a:pt x="34465" y="291431"/>
                </a:lnTo>
                <a:lnTo>
                  <a:pt x="8462" y="332075"/>
                </a:lnTo>
                <a:lnTo>
                  <a:pt x="0" y="366140"/>
                </a:lnTo>
                <a:lnTo>
                  <a:pt x="116" y="377383"/>
                </a:lnTo>
                <a:lnTo>
                  <a:pt x="16091" y="415289"/>
                </a:lnTo>
                <a:lnTo>
                  <a:pt x="19139" y="417575"/>
                </a:lnTo>
                <a:lnTo>
                  <a:pt x="22187" y="421385"/>
                </a:lnTo>
                <a:lnTo>
                  <a:pt x="23711" y="422147"/>
                </a:lnTo>
                <a:lnTo>
                  <a:pt x="25997" y="424433"/>
                </a:lnTo>
                <a:lnTo>
                  <a:pt x="28283" y="425957"/>
                </a:lnTo>
                <a:lnTo>
                  <a:pt x="31331" y="427481"/>
                </a:lnTo>
                <a:lnTo>
                  <a:pt x="35903" y="430529"/>
                </a:lnTo>
                <a:lnTo>
                  <a:pt x="38189" y="431291"/>
                </a:lnTo>
                <a:lnTo>
                  <a:pt x="38951" y="431291"/>
                </a:lnTo>
                <a:lnTo>
                  <a:pt x="39713" y="432053"/>
                </a:lnTo>
                <a:lnTo>
                  <a:pt x="44285" y="433577"/>
                </a:lnTo>
                <a:lnTo>
                  <a:pt x="46571" y="434339"/>
                </a:lnTo>
                <a:lnTo>
                  <a:pt x="48857" y="434339"/>
                </a:lnTo>
                <a:lnTo>
                  <a:pt x="54953" y="435101"/>
                </a:lnTo>
                <a:lnTo>
                  <a:pt x="58763" y="435101"/>
                </a:lnTo>
                <a:lnTo>
                  <a:pt x="71633" y="434201"/>
                </a:lnTo>
                <a:lnTo>
                  <a:pt x="108092" y="422154"/>
                </a:lnTo>
                <a:lnTo>
                  <a:pt x="142583" y="400811"/>
                </a:lnTo>
                <a:lnTo>
                  <a:pt x="144107" y="400049"/>
                </a:lnTo>
                <a:lnTo>
                  <a:pt x="146393" y="397763"/>
                </a:lnTo>
                <a:lnTo>
                  <a:pt x="149441" y="395477"/>
                </a:lnTo>
                <a:lnTo>
                  <a:pt x="157061" y="389381"/>
                </a:lnTo>
                <a:lnTo>
                  <a:pt x="187495" y="362404"/>
                </a:lnTo>
                <a:lnTo>
                  <a:pt x="222418" y="326180"/>
                </a:lnTo>
                <a:lnTo>
                  <a:pt x="252191" y="287521"/>
                </a:lnTo>
                <a:lnTo>
                  <a:pt x="278248" y="244085"/>
                </a:lnTo>
                <a:lnTo>
                  <a:pt x="297269" y="204977"/>
                </a:lnTo>
                <a:lnTo>
                  <a:pt x="298031" y="202691"/>
                </a:lnTo>
                <a:lnTo>
                  <a:pt x="299555" y="199643"/>
                </a:lnTo>
                <a:lnTo>
                  <a:pt x="312261" y="163605"/>
                </a:lnTo>
                <a:lnTo>
                  <a:pt x="320782" y="126453"/>
                </a:lnTo>
                <a:lnTo>
                  <a:pt x="323177" y="107441"/>
                </a:lnTo>
                <a:lnTo>
                  <a:pt x="323939" y="106679"/>
                </a:lnTo>
                <a:lnTo>
                  <a:pt x="324612" y="94136"/>
                </a:lnTo>
                <a:lnTo>
                  <a:pt x="326397" y="81699"/>
                </a:lnTo>
                <a:lnTo>
                  <a:pt x="327272" y="69206"/>
                </a:lnTo>
                <a:lnTo>
                  <a:pt x="326987" y="56387"/>
                </a:lnTo>
                <a:lnTo>
                  <a:pt x="326225" y="54863"/>
                </a:lnTo>
                <a:lnTo>
                  <a:pt x="326225" y="51815"/>
                </a:lnTo>
                <a:lnTo>
                  <a:pt x="324701" y="45719"/>
                </a:lnTo>
                <a:lnTo>
                  <a:pt x="323939" y="41147"/>
                </a:lnTo>
                <a:lnTo>
                  <a:pt x="321653" y="30479"/>
                </a:lnTo>
                <a:lnTo>
                  <a:pt x="317843" y="16001"/>
                </a:lnTo>
                <a:lnTo>
                  <a:pt x="317081" y="15239"/>
                </a:lnTo>
                <a:lnTo>
                  <a:pt x="317081" y="13715"/>
                </a:lnTo>
                <a:lnTo>
                  <a:pt x="312509" y="1523"/>
                </a:lnTo>
                <a:lnTo>
                  <a:pt x="312509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4" name="object 394"/>
          <p:cNvSpPr/>
          <p:nvPr/>
        </p:nvSpPr>
        <p:spPr>
          <a:xfrm>
            <a:off x="5208046" y="4701988"/>
            <a:ext cx="80309" cy="66115"/>
          </a:xfrm>
          <a:custGeom>
            <a:avLst/>
            <a:gdLst/>
            <a:ahLst/>
            <a:cxnLst/>
            <a:rect l="l" t="t" r="r" b="b"/>
            <a:pathLst>
              <a:path w="136525" h="112395">
                <a:moveTo>
                  <a:pt x="136398" y="0"/>
                </a:moveTo>
                <a:lnTo>
                  <a:pt x="0" y="112013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5" name="object 395"/>
          <p:cNvSpPr/>
          <p:nvPr/>
        </p:nvSpPr>
        <p:spPr>
          <a:xfrm>
            <a:off x="5078953" y="4784464"/>
            <a:ext cx="109071" cy="88900"/>
          </a:xfrm>
          <a:custGeom>
            <a:avLst/>
            <a:gdLst/>
            <a:ahLst/>
            <a:cxnLst/>
            <a:rect l="l" t="t" r="r" b="b"/>
            <a:pathLst>
              <a:path w="185420" h="151129">
                <a:moveTo>
                  <a:pt x="185166" y="0"/>
                </a:moveTo>
                <a:lnTo>
                  <a:pt x="0" y="150876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6" name="object 396"/>
          <p:cNvSpPr/>
          <p:nvPr/>
        </p:nvSpPr>
        <p:spPr>
          <a:xfrm>
            <a:off x="5288280" y="4688541"/>
            <a:ext cx="17182" cy="13447"/>
          </a:xfrm>
          <a:custGeom>
            <a:avLst/>
            <a:gdLst/>
            <a:ahLst/>
            <a:cxnLst/>
            <a:rect l="l" t="t" r="r" b="b"/>
            <a:pathLst>
              <a:path w="29209" h="22859">
                <a:moveTo>
                  <a:pt x="28955" y="0"/>
                </a:moveTo>
                <a:lnTo>
                  <a:pt x="0" y="2286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7" name="object 397"/>
          <p:cNvSpPr/>
          <p:nvPr/>
        </p:nvSpPr>
        <p:spPr>
          <a:xfrm>
            <a:off x="5461298" y="4408394"/>
            <a:ext cx="186018" cy="175932"/>
          </a:xfrm>
          <a:custGeom>
            <a:avLst/>
            <a:gdLst/>
            <a:ahLst/>
            <a:cxnLst/>
            <a:rect l="l" t="t" r="r" b="b"/>
            <a:pathLst>
              <a:path w="316229" h="299084">
                <a:moveTo>
                  <a:pt x="0" y="298704"/>
                </a:moveTo>
                <a:lnTo>
                  <a:pt x="31623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8" name="object 398"/>
          <p:cNvSpPr/>
          <p:nvPr/>
        </p:nvSpPr>
        <p:spPr>
          <a:xfrm>
            <a:off x="5459506" y="4429461"/>
            <a:ext cx="162485" cy="153521"/>
          </a:xfrm>
          <a:custGeom>
            <a:avLst/>
            <a:gdLst/>
            <a:ahLst/>
            <a:cxnLst/>
            <a:rect l="l" t="t" r="r" b="b"/>
            <a:pathLst>
              <a:path w="276225" h="260984">
                <a:moveTo>
                  <a:pt x="0" y="260603"/>
                </a:moveTo>
                <a:lnTo>
                  <a:pt x="27584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9" name="object 399"/>
          <p:cNvSpPr/>
          <p:nvPr/>
        </p:nvSpPr>
        <p:spPr>
          <a:xfrm>
            <a:off x="5457712" y="4450528"/>
            <a:ext cx="138206" cy="130735"/>
          </a:xfrm>
          <a:custGeom>
            <a:avLst/>
            <a:gdLst/>
            <a:ahLst/>
            <a:cxnLst/>
            <a:rect l="l" t="t" r="r" b="b"/>
            <a:pathLst>
              <a:path w="234950" h="222250">
                <a:moveTo>
                  <a:pt x="0" y="221741"/>
                </a:moveTo>
                <a:lnTo>
                  <a:pt x="234696" y="0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0" name="object 400"/>
          <p:cNvSpPr/>
          <p:nvPr/>
        </p:nvSpPr>
        <p:spPr>
          <a:xfrm>
            <a:off x="5455920" y="4471594"/>
            <a:ext cx="114300" cy="108324"/>
          </a:xfrm>
          <a:custGeom>
            <a:avLst/>
            <a:gdLst/>
            <a:ahLst/>
            <a:cxnLst/>
            <a:rect l="l" t="t" r="r" b="b"/>
            <a:pathLst>
              <a:path w="194309" h="184150">
                <a:moveTo>
                  <a:pt x="0" y="183641"/>
                </a:moveTo>
                <a:lnTo>
                  <a:pt x="194310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1" name="object 401"/>
          <p:cNvSpPr/>
          <p:nvPr/>
        </p:nvSpPr>
        <p:spPr>
          <a:xfrm>
            <a:off x="5453679" y="4493110"/>
            <a:ext cx="90768" cy="85165"/>
          </a:xfrm>
          <a:custGeom>
            <a:avLst/>
            <a:gdLst/>
            <a:ahLst/>
            <a:cxnLst/>
            <a:rect l="l" t="t" r="r" b="b"/>
            <a:pathLst>
              <a:path w="154304" h="144779">
                <a:moveTo>
                  <a:pt x="0" y="144779"/>
                </a:moveTo>
                <a:lnTo>
                  <a:pt x="153924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2" name="object 402"/>
          <p:cNvSpPr/>
          <p:nvPr/>
        </p:nvSpPr>
        <p:spPr>
          <a:xfrm>
            <a:off x="5451886" y="4514178"/>
            <a:ext cx="66488" cy="62753"/>
          </a:xfrm>
          <a:custGeom>
            <a:avLst/>
            <a:gdLst/>
            <a:ahLst/>
            <a:cxnLst/>
            <a:rect l="l" t="t" r="r" b="b"/>
            <a:pathLst>
              <a:path w="113029" h="106679">
                <a:moveTo>
                  <a:pt x="0" y="106680"/>
                </a:moveTo>
                <a:lnTo>
                  <a:pt x="112776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3" name="object 403"/>
          <p:cNvSpPr/>
          <p:nvPr/>
        </p:nvSpPr>
        <p:spPr>
          <a:xfrm>
            <a:off x="5449644" y="4535245"/>
            <a:ext cx="43329" cy="40341"/>
          </a:xfrm>
          <a:custGeom>
            <a:avLst/>
            <a:gdLst/>
            <a:ahLst/>
            <a:cxnLst/>
            <a:rect l="l" t="t" r="r" b="b"/>
            <a:pathLst>
              <a:path w="73659" h="68579">
                <a:moveTo>
                  <a:pt x="0" y="68579"/>
                </a:moveTo>
                <a:lnTo>
                  <a:pt x="73152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4" name="object 404"/>
          <p:cNvSpPr/>
          <p:nvPr/>
        </p:nvSpPr>
        <p:spPr>
          <a:xfrm>
            <a:off x="5447403" y="4556312"/>
            <a:ext cx="19424" cy="17929"/>
          </a:xfrm>
          <a:custGeom>
            <a:avLst/>
            <a:gdLst/>
            <a:ahLst/>
            <a:cxnLst/>
            <a:rect l="l" t="t" r="r" b="b"/>
            <a:pathLst>
              <a:path w="33020" h="30479">
                <a:moveTo>
                  <a:pt x="0" y="30480"/>
                </a:moveTo>
                <a:lnTo>
                  <a:pt x="32766" y="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5" name="object 405"/>
          <p:cNvSpPr/>
          <p:nvPr/>
        </p:nvSpPr>
        <p:spPr>
          <a:xfrm>
            <a:off x="5446059" y="4400326"/>
            <a:ext cx="211791" cy="173318"/>
          </a:xfrm>
          <a:custGeom>
            <a:avLst/>
            <a:gdLst/>
            <a:ahLst/>
            <a:cxnLst/>
            <a:rect l="l" t="t" r="r" b="b"/>
            <a:pathLst>
              <a:path w="360045" h="294640">
                <a:moveTo>
                  <a:pt x="359664" y="0"/>
                </a:moveTo>
                <a:lnTo>
                  <a:pt x="0" y="294132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6" name="object 406"/>
          <p:cNvSpPr/>
          <p:nvPr/>
        </p:nvSpPr>
        <p:spPr>
          <a:xfrm>
            <a:off x="5462195" y="4400326"/>
            <a:ext cx="195729" cy="184897"/>
          </a:xfrm>
          <a:custGeom>
            <a:avLst/>
            <a:gdLst/>
            <a:ahLst/>
            <a:cxnLst/>
            <a:rect l="l" t="t" r="r" b="b"/>
            <a:pathLst>
              <a:path w="332740" h="314325">
                <a:moveTo>
                  <a:pt x="332231" y="0"/>
                </a:moveTo>
                <a:lnTo>
                  <a:pt x="0" y="313944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7" name="object 407"/>
          <p:cNvSpPr/>
          <p:nvPr/>
        </p:nvSpPr>
        <p:spPr>
          <a:xfrm>
            <a:off x="5238974" y="4796118"/>
            <a:ext cx="68356" cy="39221"/>
          </a:xfrm>
          <a:custGeom>
            <a:avLst/>
            <a:gdLst/>
            <a:ahLst/>
            <a:cxnLst/>
            <a:rect l="l" t="t" r="r" b="b"/>
            <a:pathLst>
              <a:path w="116204" h="66675">
                <a:moveTo>
                  <a:pt x="115824" y="32003"/>
                </a:moveTo>
                <a:lnTo>
                  <a:pt x="114300" y="31241"/>
                </a:lnTo>
                <a:lnTo>
                  <a:pt x="114300" y="30479"/>
                </a:lnTo>
                <a:lnTo>
                  <a:pt x="112776" y="30479"/>
                </a:lnTo>
                <a:lnTo>
                  <a:pt x="109728" y="28955"/>
                </a:lnTo>
                <a:lnTo>
                  <a:pt x="105156" y="28955"/>
                </a:lnTo>
                <a:lnTo>
                  <a:pt x="100584" y="29717"/>
                </a:lnTo>
                <a:lnTo>
                  <a:pt x="98298" y="32003"/>
                </a:lnTo>
                <a:lnTo>
                  <a:pt x="97536" y="32003"/>
                </a:lnTo>
                <a:lnTo>
                  <a:pt x="97536" y="32765"/>
                </a:lnTo>
                <a:lnTo>
                  <a:pt x="92671" y="37249"/>
                </a:lnTo>
                <a:lnTo>
                  <a:pt x="97459" y="34010"/>
                </a:lnTo>
                <a:lnTo>
                  <a:pt x="93726" y="37337"/>
                </a:lnTo>
                <a:lnTo>
                  <a:pt x="93726" y="38099"/>
                </a:lnTo>
                <a:lnTo>
                  <a:pt x="92964" y="38099"/>
                </a:lnTo>
                <a:lnTo>
                  <a:pt x="92964" y="39623"/>
                </a:lnTo>
                <a:lnTo>
                  <a:pt x="91440" y="41147"/>
                </a:lnTo>
                <a:lnTo>
                  <a:pt x="91440" y="42671"/>
                </a:lnTo>
                <a:lnTo>
                  <a:pt x="90678" y="43433"/>
                </a:lnTo>
                <a:lnTo>
                  <a:pt x="90678" y="44195"/>
                </a:lnTo>
                <a:lnTo>
                  <a:pt x="89916" y="44957"/>
                </a:lnTo>
                <a:lnTo>
                  <a:pt x="89916" y="45719"/>
                </a:lnTo>
                <a:lnTo>
                  <a:pt x="89154" y="48005"/>
                </a:lnTo>
                <a:lnTo>
                  <a:pt x="88392" y="49529"/>
                </a:lnTo>
                <a:lnTo>
                  <a:pt x="88392" y="51815"/>
                </a:lnTo>
                <a:lnTo>
                  <a:pt x="87630" y="53339"/>
                </a:lnTo>
                <a:lnTo>
                  <a:pt x="87630" y="54863"/>
                </a:lnTo>
                <a:lnTo>
                  <a:pt x="86868" y="57149"/>
                </a:lnTo>
                <a:lnTo>
                  <a:pt x="86106" y="57911"/>
                </a:lnTo>
                <a:lnTo>
                  <a:pt x="86106" y="58673"/>
                </a:lnTo>
                <a:lnTo>
                  <a:pt x="85344" y="59435"/>
                </a:lnTo>
                <a:lnTo>
                  <a:pt x="85344" y="60197"/>
                </a:lnTo>
                <a:lnTo>
                  <a:pt x="84582" y="60959"/>
                </a:lnTo>
                <a:lnTo>
                  <a:pt x="83820" y="61721"/>
                </a:lnTo>
                <a:lnTo>
                  <a:pt x="82296" y="63245"/>
                </a:lnTo>
                <a:lnTo>
                  <a:pt x="80772" y="64007"/>
                </a:lnTo>
                <a:lnTo>
                  <a:pt x="80010" y="64769"/>
                </a:lnTo>
                <a:lnTo>
                  <a:pt x="79248" y="64769"/>
                </a:lnTo>
                <a:lnTo>
                  <a:pt x="78486" y="65531"/>
                </a:lnTo>
                <a:lnTo>
                  <a:pt x="76962" y="65531"/>
                </a:lnTo>
                <a:lnTo>
                  <a:pt x="76962" y="66293"/>
                </a:lnTo>
                <a:lnTo>
                  <a:pt x="73152" y="66293"/>
                </a:lnTo>
                <a:lnTo>
                  <a:pt x="72390" y="65531"/>
                </a:lnTo>
                <a:lnTo>
                  <a:pt x="70866" y="65531"/>
                </a:lnTo>
                <a:lnTo>
                  <a:pt x="69342" y="64769"/>
                </a:lnTo>
                <a:lnTo>
                  <a:pt x="68580" y="64769"/>
                </a:lnTo>
                <a:lnTo>
                  <a:pt x="67818" y="64007"/>
                </a:lnTo>
                <a:lnTo>
                  <a:pt x="67056" y="64007"/>
                </a:lnTo>
                <a:lnTo>
                  <a:pt x="65532" y="63245"/>
                </a:lnTo>
                <a:lnTo>
                  <a:pt x="64770" y="62483"/>
                </a:lnTo>
                <a:lnTo>
                  <a:pt x="64008" y="62483"/>
                </a:lnTo>
                <a:lnTo>
                  <a:pt x="62484" y="60959"/>
                </a:lnTo>
                <a:lnTo>
                  <a:pt x="60960" y="60197"/>
                </a:lnTo>
                <a:lnTo>
                  <a:pt x="59436" y="58673"/>
                </a:lnTo>
                <a:lnTo>
                  <a:pt x="57150" y="57149"/>
                </a:lnTo>
                <a:lnTo>
                  <a:pt x="57150" y="56387"/>
                </a:lnTo>
                <a:lnTo>
                  <a:pt x="55626" y="55625"/>
                </a:lnTo>
                <a:lnTo>
                  <a:pt x="55626" y="54863"/>
                </a:lnTo>
                <a:lnTo>
                  <a:pt x="54102" y="54101"/>
                </a:lnTo>
                <a:lnTo>
                  <a:pt x="53340" y="53339"/>
                </a:lnTo>
                <a:lnTo>
                  <a:pt x="51816" y="52577"/>
                </a:lnTo>
                <a:lnTo>
                  <a:pt x="51054" y="51053"/>
                </a:lnTo>
                <a:lnTo>
                  <a:pt x="49530" y="50291"/>
                </a:lnTo>
                <a:lnTo>
                  <a:pt x="49530" y="49529"/>
                </a:lnTo>
                <a:lnTo>
                  <a:pt x="48768" y="49529"/>
                </a:lnTo>
                <a:lnTo>
                  <a:pt x="48006" y="48005"/>
                </a:lnTo>
                <a:lnTo>
                  <a:pt x="38558" y="39511"/>
                </a:lnTo>
                <a:lnTo>
                  <a:pt x="29376" y="30759"/>
                </a:lnTo>
                <a:lnTo>
                  <a:pt x="20336" y="21841"/>
                </a:lnTo>
                <a:lnTo>
                  <a:pt x="13716" y="14477"/>
                </a:lnTo>
                <a:lnTo>
                  <a:pt x="11430" y="12953"/>
                </a:lnTo>
                <a:lnTo>
                  <a:pt x="11430" y="12191"/>
                </a:lnTo>
                <a:lnTo>
                  <a:pt x="8382" y="9143"/>
                </a:lnTo>
                <a:lnTo>
                  <a:pt x="7620" y="8381"/>
                </a:lnTo>
                <a:lnTo>
                  <a:pt x="6858" y="7619"/>
                </a:lnTo>
                <a:lnTo>
                  <a:pt x="6858" y="6857"/>
                </a:lnTo>
                <a:lnTo>
                  <a:pt x="6096" y="6857"/>
                </a:lnTo>
                <a:lnTo>
                  <a:pt x="6096" y="6095"/>
                </a:lnTo>
                <a:lnTo>
                  <a:pt x="3048" y="3809"/>
                </a:lnTo>
                <a:lnTo>
                  <a:pt x="2286" y="2285"/>
                </a:lnTo>
                <a:lnTo>
                  <a:pt x="0" y="0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8" name="object 408"/>
          <p:cNvSpPr/>
          <p:nvPr/>
        </p:nvSpPr>
        <p:spPr>
          <a:xfrm>
            <a:off x="5219252" y="4814944"/>
            <a:ext cx="75079" cy="43703"/>
          </a:xfrm>
          <a:custGeom>
            <a:avLst/>
            <a:gdLst/>
            <a:ahLst/>
            <a:cxnLst/>
            <a:rect l="l" t="t" r="r" b="b"/>
            <a:pathLst>
              <a:path w="127634" h="74295">
                <a:moveTo>
                  <a:pt x="0" y="0"/>
                </a:moveTo>
                <a:lnTo>
                  <a:pt x="762" y="761"/>
                </a:lnTo>
                <a:lnTo>
                  <a:pt x="6515" y="5943"/>
                </a:lnTo>
                <a:lnTo>
                  <a:pt x="8445" y="9575"/>
                </a:lnTo>
                <a:lnTo>
                  <a:pt x="13716" y="14478"/>
                </a:lnTo>
                <a:lnTo>
                  <a:pt x="14478" y="14478"/>
                </a:lnTo>
                <a:lnTo>
                  <a:pt x="14478" y="15240"/>
                </a:lnTo>
                <a:lnTo>
                  <a:pt x="15240" y="15240"/>
                </a:lnTo>
                <a:lnTo>
                  <a:pt x="15240" y="16002"/>
                </a:lnTo>
                <a:lnTo>
                  <a:pt x="18288" y="19050"/>
                </a:lnTo>
                <a:lnTo>
                  <a:pt x="19812" y="19812"/>
                </a:lnTo>
                <a:lnTo>
                  <a:pt x="19812" y="20574"/>
                </a:lnTo>
                <a:lnTo>
                  <a:pt x="29262" y="29075"/>
                </a:lnTo>
                <a:lnTo>
                  <a:pt x="38525" y="37764"/>
                </a:lnTo>
                <a:lnTo>
                  <a:pt x="48006" y="45719"/>
                </a:lnTo>
                <a:lnTo>
                  <a:pt x="48768" y="47243"/>
                </a:lnTo>
                <a:lnTo>
                  <a:pt x="53340" y="50291"/>
                </a:lnTo>
                <a:lnTo>
                  <a:pt x="53340" y="51053"/>
                </a:lnTo>
                <a:lnTo>
                  <a:pt x="60960" y="57150"/>
                </a:lnTo>
                <a:lnTo>
                  <a:pt x="63855" y="60553"/>
                </a:lnTo>
                <a:lnTo>
                  <a:pt x="64033" y="59004"/>
                </a:lnTo>
                <a:lnTo>
                  <a:pt x="67056" y="62484"/>
                </a:lnTo>
                <a:lnTo>
                  <a:pt x="67818" y="63246"/>
                </a:lnTo>
                <a:lnTo>
                  <a:pt x="69342" y="64008"/>
                </a:lnTo>
                <a:lnTo>
                  <a:pt x="72555" y="66636"/>
                </a:lnTo>
                <a:lnTo>
                  <a:pt x="87160" y="72212"/>
                </a:lnTo>
                <a:lnTo>
                  <a:pt x="90678" y="71628"/>
                </a:lnTo>
                <a:lnTo>
                  <a:pt x="91440" y="72390"/>
                </a:lnTo>
                <a:lnTo>
                  <a:pt x="92964" y="72389"/>
                </a:lnTo>
                <a:lnTo>
                  <a:pt x="97536" y="73151"/>
                </a:lnTo>
                <a:lnTo>
                  <a:pt x="98298" y="73151"/>
                </a:lnTo>
                <a:lnTo>
                  <a:pt x="104267" y="72872"/>
                </a:lnTo>
                <a:lnTo>
                  <a:pt x="106019" y="74206"/>
                </a:lnTo>
                <a:lnTo>
                  <a:pt x="112014" y="71627"/>
                </a:lnTo>
                <a:lnTo>
                  <a:pt x="113538" y="71627"/>
                </a:lnTo>
                <a:lnTo>
                  <a:pt x="114300" y="70865"/>
                </a:lnTo>
                <a:lnTo>
                  <a:pt x="115062" y="70865"/>
                </a:lnTo>
                <a:lnTo>
                  <a:pt x="116586" y="69341"/>
                </a:lnTo>
                <a:lnTo>
                  <a:pt x="117348" y="69341"/>
                </a:lnTo>
                <a:lnTo>
                  <a:pt x="120396" y="66293"/>
                </a:lnTo>
                <a:lnTo>
                  <a:pt x="121157" y="64769"/>
                </a:lnTo>
                <a:lnTo>
                  <a:pt x="122682" y="63245"/>
                </a:lnTo>
                <a:lnTo>
                  <a:pt x="122682" y="62483"/>
                </a:lnTo>
                <a:lnTo>
                  <a:pt x="123444" y="62483"/>
                </a:lnTo>
                <a:lnTo>
                  <a:pt x="123444" y="61721"/>
                </a:lnTo>
                <a:lnTo>
                  <a:pt x="124205" y="60959"/>
                </a:lnTo>
                <a:lnTo>
                  <a:pt x="124968" y="59435"/>
                </a:lnTo>
                <a:lnTo>
                  <a:pt x="125730" y="57149"/>
                </a:lnTo>
                <a:lnTo>
                  <a:pt x="126492" y="55625"/>
                </a:lnTo>
                <a:lnTo>
                  <a:pt x="126492" y="54863"/>
                </a:lnTo>
                <a:lnTo>
                  <a:pt x="127254" y="54101"/>
                </a:lnTo>
                <a:lnTo>
                  <a:pt x="127254" y="49529"/>
                </a:lnTo>
                <a:lnTo>
                  <a:pt x="124205" y="12191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9" name="object 409"/>
          <p:cNvSpPr/>
          <p:nvPr/>
        </p:nvSpPr>
        <p:spPr>
          <a:xfrm>
            <a:off x="5238974" y="4623995"/>
            <a:ext cx="182656" cy="171824"/>
          </a:xfrm>
          <a:custGeom>
            <a:avLst/>
            <a:gdLst/>
            <a:ahLst/>
            <a:cxnLst/>
            <a:rect l="l" t="t" r="r" b="b"/>
            <a:pathLst>
              <a:path w="310515" h="292100">
                <a:moveTo>
                  <a:pt x="310133" y="0"/>
                </a:moveTo>
                <a:lnTo>
                  <a:pt x="0" y="291846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0" name="object 410"/>
          <p:cNvSpPr/>
          <p:nvPr/>
        </p:nvSpPr>
        <p:spPr>
          <a:xfrm>
            <a:off x="5035475" y="4834217"/>
            <a:ext cx="148664" cy="156882"/>
          </a:xfrm>
          <a:custGeom>
            <a:avLst/>
            <a:gdLst/>
            <a:ahLst/>
            <a:cxnLst/>
            <a:rect l="l" t="t" r="r" b="b"/>
            <a:pathLst>
              <a:path w="252729" h="266700">
                <a:moveTo>
                  <a:pt x="45720" y="208025"/>
                </a:moveTo>
                <a:lnTo>
                  <a:pt x="41148" y="208025"/>
                </a:lnTo>
                <a:lnTo>
                  <a:pt x="38862" y="208787"/>
                </a:lnTo>
                <a:lnTo>
                  <a:pt x="36576" y="208787"/>
                </a:lnTo>
                <a:lnTo>
                  <a:pt x="32004" y="210311"/>
                </a:lnTo>
                <a:lnTo>
                  <a:pt x="30480" y="210311"/>
                </a:lnTo>
                <a:lnTo>
                  <a:pt x="28956" y="211073"/>
                </a:lnTo>
                <a:lnTo>
                  <a:pt x="28194" y="211073"/>
                </a:lnTo>
                <a:lnTo>
                  <a:pt x="24384" y="212597"/>
                </a:lnTo>
                <a:lnTo>
                  <a:pt x="24384" y="213359"/>
                </a:lnTo>
                <a:lnTo>
                  <a:pt x="22860" y="213359"/>
                </a:lnTo>
                <a:lnTo>
                  <a:pt x="22860" y="214121"/>
                </a:lnTo>
                <a:lnTo>
                  <a:pt x="21336" y="214883"/>
                </a:lnTo>
                <a:lnTo>
                  <a:pt x="20574" y="214883"/>
                </a:lnTo>
                <a:lnTo>
                  <a:pt x="19812" y="215645"/>
                </a:lnTo>
                <a:lnTo>
                  <a:pt x="19050" y="216407"/>
                </a:lnTo>
                <a:lnTo>
                  <a:pt x="18288" y="216407"/>
                </a:lnTo>
                <a:lnTo>
                  <a:pt x="17526" y="217169"/>
                </a:lnTo>
                <a:lnTo>
                  <a:pt x="15240" y="218693"/>
                </a:lnTo>
                <a:lnTo>
                  <a:pt x="14478" y="219455"/>
                </a:lnTo>
                <a:lnTo>
                  <a:pt x="13716" y="220217"/>
                </a:lnTo>
                <a:lnTo>
                  <a:pt x="12192" y="220979"/>
                </a:lnTo>
                <a:lnTo>
                  <a:pt x="12192" y="221741"/>
                </a:lnTo>
                <a:lnTo>
                  <a:pt x="10668" y="222503"/>
                </a:lnTo>
                <a:lnTo>
                  <a:pt x="8382" y="224789"/>
                </a:lnTo>
                <a:lnTo>
                  <a:pt x="8382" y="225551"/>
                </a:lnTo>
                <a:lnTo>
                  <a:pt x="4572" y="229361"/>
                </a:lnTo>
                <a:lnTo>
                  <a:pt x="3048" y="231647"/>
                </a:lnTo>
                <a:lnTo>
                  <a:pt x="3048" y="232409"/>
                </a:lnTo>
                <a:lnTo>
                  <a:pt x="1524" y="233933"/>
                </a:lnTo>
                <a:lnTo>
                  <a:pt x="1524" y="234695"/>
                </a:lnTo>
                <a:lnTo>
                  <a:pt x="762" y="236219"/>
                </a:lnTo>
                <a:lnTo>
                  <a:pt x="762" y="237743"/>
                </a:lnTo>
                <a:lnTo>
                  <a:pt x="0" y="238505"/>
                </a:lnTo>
                <a:lnTo>
                  <a:pt x="0" y="247649"/>
                </a:lnTo>
                <a:lnTo>
                  <a:pt x="762" y="249935"/>
                </a:lnTo>
                <a:lnTo>
                  <a:pt x="1524" y="251459"/>
                </a:lnTo>
                <a:lnTo>
                  <a:pt x="2286" y="252221"/>
                </a:lnTo>
                <a:lnTo>
                  <a:pt x="2286" y="253745"/>
                </a:lnTo>
                <a:lnTo>
                  <a:pt x="3048" y="254507"/>
                </a:lnTo>
                <a:lnTo>
                  <a:pt x="3810" y="255269"/>
                </a:lnTo>
                <a:lnTo>
                  <a:pt x="4572" y="256031"/>
                </a:lnTo>
                <a:lnTo>
                  <a:pt x="6096" y="258317"/>
                </a:lnTo>
                <a:lnTo>
                  <a:pt x="9144" y="260603"/>
                </a:lnTo>
                <a:lnTo>
                  <a:pt x="10668" y="262127"/>
                </a:lnTo>
                <a:lnTo>
                  <a:pt x="11430" y="262127"/>
                </a:lnTo>
                <a:lnTo>
                  <a:pt x="13716" y="263651"/>
                </a:lnTo>
                <a:lnTo>
                  <a:pt x="14478" y="263651"/>
                </a:lnTo>
                <a:lnTo>
                  <a:pt x="15240" y="264413"/>
                </a:lnTo>
                <a:lnTo>
                  <a:pt x="19050" y="265175"/>
                </a:lnTo>
                <a:lnTo>
                  <a:pt x="19812" y="265937"/>
                </a:lnTo>
                <a:lnTo>
                  <a:pt x="22860" y="265937"/>
                </a:lnTo>
                <a:lnTo>
                  <a:pt x="23622" y="266699"/>
                </a:lnTo>
                <a:lnTo>
                  <a:pt x="31242" y="266699"/>
                </a:lnTo>
                <a:lnTo>
                  <a:pt x="40386" y="265937"/>
                </a:lnTo>
                <a:lnTo>
                  <a:pt x="42672" y="265175"/>
                </a:lnTo>
                <a:lnTo>
                  <a:pt x="44196" y="265175"/>
                </a:lnTo>
                <a:lnTo>
                  <a:pt x="50292" y="263651"/>
                </a:lnTo>
                <a:lnTo>
                  <a:pt x="51054" y="263651"/>
                </a:lnTo>
                <a:lnTo>
                  <a:pt x="56388" y="262127"/>
                </a:lnTo>
                <a:lnTo>
                  <a:pt x="57150" y="261365"/>
                </a:lnTo>
                <a:lnTo>
                  <a:pt x="58674" y="260603"/>
                </a:lnTo>
                <a:lnTo>
                  <a:pt x="60960" y="260603"/>
                </a:lnTo>
                <a:lnTo>
                  <a:pt x="64008" y="259079"/>
                </a:lnTo>
                <a:lnTo>
                  <a:pt x="76962" y="253745"/>
                </a:lnTo>
                <a:lnTo>
                  <a:pt x="84582" y="249173"/>
                </a:lnTo>
                <a:lnTo>
                  <a:pt x="86868" y="248411"/>
                </a:lnTo>
                <a:lnTo>
                  <a:pt x="87630" y="247649"/>
                </a:lnTo>
                <a:lnTo>
                  <a:pt x="89154" y="246125"/>
                </a:lnTo>
                <a:lnTo>
                  <a:pt x="103632" y="236981"/>
                </a:lnTo>
                <a:lnTo>
                  <a:pt x="113778" y="228757"/>
                </a:lnTo>
                <a:lnTo>
                  <a:pt x="122926" y="220565"/>
                </a:lnTo>
                <a:lnTo>
                  <a:pt x="131739" y="212041"/>
                </a:lnTo>
                <a:lnTo>
                  <a:pt x="140880" y="202822"/>
                </a:lnTo>
                <a:lnTo>
                  <a:pt x="151638" y="192023"/>
                </a:lnTo>
                <a:lnTo>
                  <a:pt x="154686" y="188213"/>
                </a:lnTo>
                <a:lnTo>
                  <a:pt x="163005" y="178368"/>
                </a:lnTo>
                <a:lnTo>
                  <a:pt x="170929" y="168586"/>
                </a:lnTo>
                <a:lnTo>
                  <a:pt x="178479" y="158638"/>
                </a:lnTo>
                <a:lnTo>
                  <a:pt x="185680" y="148295"/>
                </a:lnTo>
                <a:lnTo>
                  <a:pt x="192555" y="137327"/>
                </a:lnTo>
                <a:lnTo>
                  <a:pt x="195072" y="132587"/>
                </a:lnTo>
                <a:lnTo>
                  <a:pt x="198120" y="127253"/>
                </a:lnTo>
                <a:lnTo>
                  <a:pt x="198882" y="125729"/>
                </a:lnTo>
                <a:lnTo>
                  <a:pt x="199644" y="125729"/>
                </a:lnTo>
                <a:lnTo>
                  <a:pt x="200406" y="124205"/>
                </a:lnTo>
                <a:lnTo>
                  <a:pt x="207018" y="111677"/>
                </a:lnTo>
                <a:lnTo>
                  <a:pt x="213215" y="100013"/>
                </a:lnTo>
                <a:lnTo>
                  <a:pt x="219015" y="88957"/>
                </a:lnTo>
                <a:lnTo>
                  <a:pt x="238607" y="45736"/>
                </a:lnTo>
                <a:lnTo>
                  <a:pt x="246494" y="21161"/>
                </a:lnTo>
                <a:lnTo>
                  <a:pt x="252222" y="0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1" name="object 411"/>
          <p:cNvSpPr/>
          <p:nvPr/>
        </p:nvSpPr>
        <p:spPr>
          <a:xfrm>
            <a:off x="5038165" y="4926106"/>
            <a:ext cx="62753" cy="59391"/>
          </a:xfrm>
          <a:custGeom>
            <a:avLst/>
            <a:gdLst/>
            <a:ahLst/>
            <a:cxnLst/>
            <a:rect l="l" t="t" r="r" b="b"/>
            <a:pathLst>
              <a:path w="106679" h="100965">
                <a:moveTo>
                  <a:pt x="106679" y="0"/>
                </a:moveTo>
                <a:lnTo>
                  <a:pt x="0" y="100584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2" name="object 412"/>
          <p:cNvSpPr/>
          <p:nvPr/>
        </p:nvSpPr>
        <p:spPr>
          <a:xfrm>
            <a:off x="4920278" y="5023373"/>
            <a:ext cx="77694" cy="73585"/>
          </a:xfrm>
          <a:custGeom>
            <a:avLst/>
            <a:gdLst/>
            <a:ahLst/>
            <a:cxnLst/>
            <a:rect l="l" t="t" r="r" b="b"/>
            <a:pathLst>
              <a:path w="132079" h="125095">
                <a:moveTo>
                  <a:pt x="131825" y="0"/>
                </a:moveTo>
                <a:lnTo>
                  <a:pt x="0" y="124968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3" name="object 413"/>
          <p:cNvSpPr/>
          <p:nvPr/>
        </p:nvSpPr>
        <p:spPr>
          <a:xfrm>
            <a:off x="5166808" y="4853043"/>
            <a:ext cx="11953" cy="10832"/>
          </a:xfrm>
          <a:custGeom>
            <a:avLst/>
            <a:gdLst/>
            <a:ahLst/>
            <a:cxnLst/>
            <a:rect l="l" t="t" r="r" b="b"/>
            <a:pathLst>
              <a:path w="20320" h="18415">
                <a:moveTo>
                  <a:pt x="19811" y="0"/>
                </a:moveTo>
                <a:lnTo>
                  <a:pt x="0" y="18287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4" name="object 414"/>
          <p:cNvSpPr/>
          <p:nvPr/>
        </p:nvSpPr>
        <p:spPr>
          <a:xfrm>
            <a:off x="5216114" y="4814944"/>
            <a:ext cx="2988" cy="2241"/>
          </a:xfrm>
          <a:custGeom>
            <a:avLst/>
            <a:gdLst/>
            <a:ahLst/>
            <a:cxnLst/>
            <a:rect l="l" t="t" r="r" b="b"/>
            <a:pathLst>
              <a:path w="5079" h="3809">
                <a:moveTo>
                  <a:pt x="4572" y="0"/>
                </a:moveTo>
                <a:lnTo>
                  <a:pt x="0" y="3810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5" name="object 415"/>
          <p:cNvSpPr/>
          <p:nvPr/>
        </p:nvSpPr>
        <p:spPr>
          <a:xfrm>
            <a:off x="5100917" y="4863801"/>
            <a:ext cx="66115" cy="62379"/>
          </a:xfrm>
          <a:custGeom>
            <a:avLst/>
            <a:gdLst/>
            <a:ahLst/>
            <a:cxnLst/>
            <a:rect l="l" t="t" r="r" b="b"/>
            <a:pathLst>
              <a:path w="112395" h="106045">
                <a:moveTo>
                  <a:pt x="112014" y="0"/>
                </a:moveTo>
                <a:lnTo>
                  <a:pt x="0" y="105918"/>
                </a:lnTo>
              </a:path>
            </a:pathLst>
          </a:custGeom>
          <a:ln w="2158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6" name="object 416"/>
          <p:cNvSpPr/>
          <p:nvPr/>
        </p:nvSpPr>
        <p:spPr>
          <a:xfrm>
            <a:off x="4694817" y="5281556"/>
            <a:ext cx="30256" cy="28388"/>
          </a:xfrm>
          <a:custGeom>
            <a:avLst/>
            <a:gdLst/>
            <a:ahLst/>
            <a:cxnLst/>
            <a:rect l="l" t="t" r="r" b="b"/>
            <a:pathLst>
              <a:path w="51434" h="48259">
                <a:moveTo>
                  <a:pt x="51053" y="0"/>
                </a:moveTo>
                <a:lnTo>
                  <a:pt x="0" y="48005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7" name="object 417"/>
          <p:cNvSpPr/>
          <p:nvPr/>
        </p:nvSpPr>
        <p:spPr>
          <a:xfrm>
            <a:off x="5182048" y="4817185"/>
            <a:ext cx="34364" cy="32496"/>
          </a:xfrm>
          <a:custGeom>
            <a:avLst/>
            <a:gdLst/>
            <a:ahLst/>
            <a:cxnLst/>
            <a:rect l="l" t="t" r="r" b="b"/>
            <a:pathLst>
              <a:path w="58420" h="55245">
                <a:moveTo>
                  <a:pt x="57911" y="0"/>
                </a:moveTo>
                <a:lnTo>
                  <a:pt x="0" y="54863"/>
                </a:lnTo>
              </a:path>
            </a:pathLst>
          </a:custGeom>
          <a:ln w="2159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sz="2400" dirty="0" smtClean="0"/>
              <a:t>Caltrans Intelligent Compaction Webpage</a:t>
            </a:r>
            <a:br>
              <a:rPr lang="en-US" sz="2400" dirty="0" smtClean="0"/>
            </a:br>
            <a:r>
              <a:rPr lang="en-US" sz="2400" dirty="0" smtClean="0"/>
              <a:t>www.dot.ca.gov/hq/construc/IC</a:t>
            </a:r>
            <a:br>
              <a:rPr lang="en-US" sz="2400" dirty="0" smtClean="0"/>
            </a:br>
            <a:endParaRPr lang="en-US" sz="2400" dirty="0"/>
          </a:p>
        </p:txBody>
      </p:sp>
      <p:pic>
        <p:nvPicPr>
          <p:cNvPr id="1026" name="Picture 2">
            <a:hlinkClick r:id="rId2"/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3"/>
          <a:srcRect/>
          <a:stretch>
            <a:fillRect/>
          </a:stretch>
        </p:blipFill>
        <p:spPr bwMode="auto">
          <a:xfrm>
            <a:off x="685800" y="1241902"/>
            <a:ext cx="7696200" cy="53112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  <p:extLst>
      <p:ext uri="{BB962C8B-B14F-4D97-AF65-F5344CB8AC3E}">
        <p14:creationId xmlns:p14="http://schemas.microsoft.com/office/powerpoint/2010/main" val="2289504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More Info on IC</a:t>
            </a:r>
            <a:endParaRPr lang="en-US" dirty="0"/>
          </a:p>
        </p:txBody>
      </p:sp>
      <p:sp>
        <p:nvSpPr>
          <p:cNvPr id="3" name="Text Box 4"/>
          <p:cNvSpPr txBox="1">
            <a:spLocks noChangeArrowheads="1"/>
          </p:cNvSpPr>
          <p:nvPr/>
        </p:nvSpPr>
        <p:spPr bwMode="auto">
          <a:xfrm>
            <a:off x="25400" y="2225675"/>
            <a:ext cx="9144000" cy="641350"/>
          </a:xfrm>
          <a:prstGeom prst="rect">
            <a:avLst/>
          </a:prstGeom>
          <a:solidFill>
            <a:srgbClr val="99CCFF">
              <a:alpha val="89803"/>
            </a:srgbClr>
          </a:solidFill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3600" b="1" dirty="0">
                <a:solidFill>
                  <a:srgbClr val="800000"/>
                </a:solidFill>
              </a:rPr>
              <a:t>http://www.dot.ca.gov/hq/construc/ic/</a:t>
            </a:r>
            <a:endParaRPr lang="en-US" sz="3600" b="1" dirty="0">
              <a:solidFill>
                <a:srgbClr val="800000"/>
              </a:solidFill>
            </a:endParaRPr>
          </a:p>
        </p:txBody>
      </p:sp>
      <p:sp>
        <p:nvSpPr>
          <p:cNvPr id="4" name="Text Box 4"/>
          <p:cNvSpPr txBox="1">
            <a:spLocks noChangeArrowheads="1"/>
          </p:cNvSpPr>
          <p:nvPr/>
        </p:nvSpPr>
        <p:spPr bwMode="auto">
          <a:xfrm>
            <a:off x="25400" y="3902075"/>
            <a:ext cx="9144000" cy="641350"/>
          </a:xfrm>
          <a:prstGeom prst="rect">
            <a:avLst/>
          </a:prstGeom>
          <a:solidFill>
            <a:srgbClr val="99CCFF">
              <a:alpha val="89803"/>
            </a:srgbClr>
          </a:solidFill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3600" b="1" dirty="0" smtClean="0">
                <a:solidFill>
                  <a:srgbClr val="800000"/>
                </a:solidFill>
              </a:rPr>
              <a:t>Ebi.fini@dot.ca.gov</a:t>
            </a:r>
            <a:endParaRPr lang="en-US" sz="3600" b="1" dirty="0">
              <a:solidFill>
                <a:srgbClr val="800000"/>
              </a:solidFill>
            </a:endParaRPr>
          </a:p>
        </p:txBody>
      </p:sp>
      <p:sp>
        <p:nvSpPr>
          <p:cNvPr id="5" name="Text Box 4"/>
          <p:cNvSpPr txBox="1">
            <a:spLocks noChangeArrowheads="1"/>
          </p:cNvSpPr>
          <p:nvPr/>
        </p:nvSpPr>
        <p:spPr bwMode="auto">
          <a:xfrm>
            <a:off x="25400" y="1495425"/>
            <a:ext cx="9144000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4000" b="1" dirty="0">
                <a:solidFill>
                  <a:schemeClr val="bg1"/>
                </a:solidFill>
              </a:rPr>
              <a:t>Website</a:t>
            </a:r>
          </a:p>
        </p:txBody>
      </p:sp>
      <p:sp>
        <p:nvSpPr>
          <p:cNvPr id="6" name="Text Box 4"/>
          <p:cNvSpPr txBox="1">
            <a:spLocks noChangeArrowheads="1"/>
          </p:cNvSpPr>
          <p:nvPr/>
        </p:nvSpPr>
        <p:spPr bwMode="auto">
          <a:xfrm>
            <a:off x="25400" y="3171825"/>
            <a:ext cx="9144000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4000" b="1" dirty="0">
                <a:solidFill>
                  <a:schemeClr val="bg1"/>
                </a:solidFill>
              </a:rPr>
              <a:t>Email</a:t>
            </a:r>
          </a:p>
        </p:txBody>
      </p:sp>
      <p:sp>
        <p:nvSpPr>
          <p:cNvPr id="7" name="Text Box 4"/>
          <p:cNvSpPr txBox="1">
            <a:spLocks noChangeArrowheads="1"/>
          </p:cNvSpPr>
          <p:nvPr/>
        </p:nvSpPr>
        <p:spPr bwMode="auto">
          <a:xfrm>
            <a:off x="25400" y="5578475"/>
            <a:ext cx="9144000" cy="641350"/>
          </a:xfrm>
          <a:prstGeom prst="rect">
            <a:avLst/>
          </a:prstGeom>
          <a:solidFill>
            <a:srgbClr val="99CCFF">
              <a:alpha val="89803"/>
            </a:srgbClr>
          </a:solidFill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3600" b="1" dirty="0" smtClean="0">
                <a:solidFill>
                  <a:srgbClr val="800000"/>
                </a:solidFill>
              </a:rPr>
              <a:t>(916) 227-5396</a:t>
            </a:r>
            <a:endParaRPr lang="en-US" sz="3600" b="1" dirty="0">
              <a:solidFill>
                <a:srgbClr val="800000"/>
              </a:solidFill>
            </a:endParaRPr>
          </a:p>
        </p:txBody>
      </p:sp>
      <p:sp>
        <p:nvSpPr>
          <p:cNvPr id="8" name="Text Box 4"/>
          <p:cNvSpPr txBox="1">
            <a:spLocks noChangeArrowheads="1"/>
          </p:cNvSpPr>
          <p:nvPr/>
        </p:nvSpPr>
        <p:spPr bwMode="auto">
          <a:xfrm>
            <a:off x="25400" y="4848225"/>
            <a:ext cx="9144000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4000" b="1" dirty="0">
                <a:solidFill>
                  <a:schemeClr val="bg1"/>
                </a:solidFill>
              </a:rPr>
              <a:t>Phone</a:t>
            </a:r>
          </a:p>
        </p:txBody>
      </p:sp>
    </p:spTree>
    <p:extLst>
      <p:ext uri="{BB962C8B-B14F-4D97-AF65-F5344CB8AC3E}">
        <p14:creationId xmlns:p14="http://schemas.microsoft.com/office/powerpoint/2010/main" val="11694606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8" name="Picture 8" descr="C:\Users\s112617\AppData\Local\Microsoft\Windows\Temporary Internet Files\Content.IE5\2TNM2PSL\Questionmark[1]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209800" y="685800"/>
            <a:ext cx="3413760" cy="4267200"/>
          </a:xfrm>
          <a:prstGeom prst="rect">
            <a:avLst/>
          </a:prstGeom>
          <a:noFill/>
        </p:spPr>
      </p:pic>
      <p:sp>
        <p:nvSpPr>
          <p:cNvPr id="9" name="TextBox 8"/>
          <p:cNvSpPr txBox="1"/>
          <p:nvPr/>
        </p:nvSpPr>
        <p:spPr>
          <a:xfrm>
            <a:off x="1524000" y="5943600"/>
            <a:ext cx="63246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Contact Ebi Fini  916-227-5396    ebi.fini@dot.ca.gov</a:t>
            </a:r>
          </a:p>
          <a:p>
            <a:pPr algn="ctr"/>
            <a:r>
              <a:rPr lang="en-US" dirty="0" smtClean="0">
                <a:solidFill>
                  <a:schemeClr val="bg1"/>
                </a:solidFill>
              </a:rPr>
              <a:t>IC@dot.ca.gov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558382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Table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467326676"/>
              </p:ext>
            </p:extLst>
          </p:nvPr>
        </p:nvGraphicFramePr>
        <p:xfrm>
          <a:off x="838199" y="533400"/>
          <a:ext cx="6934201" cy="308457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2695074"/>
                <a:gridCol w="1497264"/>
                <a:gridCol w="1440076"/>
                <a:gridCol w="1301787"/>
              </a:tblGrid>
              <a:tr h="0">
                <a:tc gridSpan="4"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Hot Mix Asphalt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Intelligent Compaction Target Values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ethod Compaction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IC Requirements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HMA Type A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Unmodified Asphalt Binder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HMA Type A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PG-M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Asphalt Binder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RHMA-G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Breakdown Compaction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inimum </a:t>
                      </a:r>
                      <a:r>
                        <a:rPr lang="en-US" sz="1100" dirty="0" smtClean="0">
                          <a:effectLst/>
                        </a:rPr>
                        <a:t>Surface Temperature </a:t>
                      </a:r>
                      <a:r>
                        <a:rPr lang="en-US" sz="1100" dirty="0">
                          <a:effectLst/>
                        </a:rPr>
                        <a:t>°F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1</a:t>
                      </a:r>
                      <a:r>
                        <a:rPr lang="en-US" sz="1100" baseline="30000" dirty="0">
                          <a:effectLst/>
                        </a:rPr>
                        <a:t>st</a:t>
                      </a:r>
                      <a:r>
                        <a:rPr lang="en-US" sz="1100" dirty="0">
                          <a:effectLst/>
                        </a:rPr>
                        <a:t> PASS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5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4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85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 smtClean="0">
                          <a:effectLst/>
                        </a:rPr>
                        <a:t>Compaction</a:t>
                      </a:r>
                      <a:endParaRPr lang="en-US" sz="1100" dirty="0">
                        <a:effectLst/>
                      </a:endParaRP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Number of </a:t>
                      </a:r>
                      <a:r>
                        <a:rPr lang="en-US" sz="1100" dirty="0" smtClean="0">
                          <a:effectLst/>
                        </a:rPr>
                        <a:t>Breakdown passes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3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3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3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Intermediate Compaction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inimum </a:t>
                      </a:r>
                      <a:r>
                        <a:rPr lang="en-US" sz="1100" dirty="0" smtClean="0">
                          <a:effectLst/>
                        </a:rPr>
                        <a:t>Surface Temperature </a:t>
                      </a:r>
                      <a:r>
                        <a:rPr lang="en-US" sz="1100" dirty="0">
                          <a:effectLst/>
                        </a:rPr>
                        <a:t>°F Last Pass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19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18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5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Intermediate Compaction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Number of Passes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3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3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3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906528465"/>
              </p:ext>
            </p:extLst>
          </p:nvPr>
        </p:nvGraphicFramePr>
        <p:xfrm>
          <a:off x="838199" y="3642548"/>
          <a:ext cx="6934202" cy="2686622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3026316"/>
                <a:gridCol w="1409184"/>
                <a:gridCol w="1139293"/>
                <a:gridCol w="1359409"/>
              </a:tblGrid>
              <a:tr h="0">
                <a:tc gridSpan="4"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Hot Mix Asphalt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Open Graded Friction Course (OGFC)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Intelligent Compaction Target Values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ethod Compaction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IC Requirements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OGFC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Unmodified Asphalt Binder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OGFC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PG-M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Asphalt Binder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OGFC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RHMA-O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RHMA-HB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Breakdown Compaction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 smtClean="0">
                          <a:effectLst/>
                        </a:rPr>
                        <a:t>Minimum Surface </a:t>
                      </a:r>
                      <a:r>
                        <a:rPr lang="en-US" sz="1100" dirty="0">
                          <a:effectLst/>
                        </a:rPr>
                        <a:t>Temperature °F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1</a:t>
                      </a:r>
                      <a:r>
                        <a:rPr lang="en-US" sz="1100" baseline="30000" dirty="0">
                          <a:effectLst/>
                        </a:rPr>
                        <a:t>st</a:t>
                      </a:r>
                      <a:r>
                        <a:rPr lang="en-US" sz="1100" dirty="0">
                          <a:effectLst/>
                        </a:rPr>
                        <a:t> PASS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240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4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8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Complete Compaction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inimum </a:t>
                      </a:r>
                      <a:r>
                        <a:rPr lang="en-US" sz="1100" dirty="0" smtClean="0">
                          <a:effectLst/>
                        </a:rPr>
                        <a:t> </a:t>
                      </a:r>
                      <a:r>
                        <a:rPr lang="en-US" sz="1100" dirty="0" smtClean="0">
                          <a:effectLst/>
                        </a:rPr>
                        <a:t>Surface Temperature </a:t>
                      </a:r>
                      <a:r>
                        <a:rPr lang="en-US" sz="1100" dirty="0">
                          <a:effectLst/>
                        </a:rPr>
                        <a:t>°F Last Pass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0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18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5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inimum Number of Passes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2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sp>
        <p:nvSpPr>
          <p:cNvPr id="2" name="TextBox 1"/>
          <p:cNvSpPr txBox="1"/>
          <p:nvPr/>
        </p:nvSpPr>
        <p:spPr>
          <a:xfrm>
            <a:off x="1943099" y="6368860"/>
            <a:ext cx="472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Section 39 of CT Standard Specifications</a:t>
            </a:r>
            <a:endParaRPr lang="en-US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677802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le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25980643"/>
              </p:ext>
            </p:extLst>
          </p:nvPr>
        </p:nvGraphicFramePr>
        <p:xfrm>
          <a:off x="990599" y="160210"/>
          <a:ext cx="6781801" cy="308457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2635842"/>
                <a:gridCol w="1464356"/>
                <a:gridCol w="1408426"/>
                <a:gridCol w="1273177"/>
              </a:tblGrid>
              <a:tr h="0">
                <a:tc gridSpan="4"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Warm Mix Asphalt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Intelligent Compaction Target Values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ethod Compaction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IC Requirements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HMA Type A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Unmodified Asphalt Binder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HMA Type A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PG-M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Asphalt Binder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RHMA-G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Breakdown Compaction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inimum </a:t>
                      </a:r>
                      <a:r>
                        <a:rPr lang="en-US" sz="1100" dirty="0" smtClean="0">
                          <a:effectLst/>
                        </a:rPr>
                        <a:t>Surface Temperature </a:t>
                      </a:r>
                      <a:r>
                        <a:rPr lang="en-US" sz="1100" dirty="0">
                          <a:effectLst/>
                        </a:rPr>
                        <a:t>°F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1</a:t>
                      </a:r>
                      <a:r>
                        <a:rPr lang="en-US" sz="1100" baseline="30000" dirty="0">
                          <a:effectLst/>
                        </a:rPr>
                        <a:t>st</a:t>
                      </a:r>
                      <a:r>
                        <a:rPr lang="en-US" sz="1100" dirty="0">
                          <a:effectLst/>
                        </a:rPr>
                        <a:t> PASS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4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230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6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Breakdown Compaction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Number of Passes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3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3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3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Intermediate Compaction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inimum </a:t>
                      </a:r>
                      <a:r>
                        <a:rPr lang="en-US" sz="1100" dirty="0" smtClean="0">
                          <a:effectLst/>
                        </a:rPr>
                        <a:t>Surface Temperature </a:t>
                      </a:r>
                      <a:r>
                        <a:rPr lang="en-US" sz="1100" dirty="0">
                          <a:effectLst/>
                        </a:rPr>
                        <a:t>°F Last Pass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19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17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3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Intermediate Compaction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Number of Passes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3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3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3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graphicFrame>
        <p:nvGraphicFramePr>
          <p:cNvPr id="5" name="Table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643774868"/>
              </p:ext>
            </p:extLst>
          </p:nvPr>
        </p:nvGraphicFramePr>
        <p:xfrm>
          <a:off x="990599" y="3276600"/>
          <a:ext cx="6781801" cy="2699004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2959803"/>
                <a:gridCol w="1378213"/>
                <a:gridCol w="1114253"/>
                <a:gridCol w="1329532"/>
              </a:tblGrid>
              <a:tr h="0">
                <a:tc gridSpan="4"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Warm Mix Asphalt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Open Graded Friction Course (OGFC)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Intelligent Compaction Target Values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ethod Compaction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IC Requirements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OGFC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Unmodified Asphalt Binder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OGFC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PG-M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Asphalt Binder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OGFC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RHMA-O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RHMA-HB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Breakdown Compaction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inimum </a:t>
                      </a:r>
                      <a:r>
                        <a:rPr lang="en-US" sz="1100" dirty="0" smtClean="0">
                          <a:effectLst/>
                        </a:rPr>
                        <a:t>Surface Temperature </a:t>
                      </a:r>
                      <a:r>
                        <a:rPr lang="en-US" sz="1100" dirty="0">
                          <a:effectLst/>
                        </a:rPr>
                        <a:t>°F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1</a:t>
                      </a:r>
                      <a:r>
                        <a:rPr lang="en-US" sz="1100" baseline="30000" dirty="0">
                          <a:effectLst/>
                        </a:rPr>
                        <a:t>st</a:t>
                      </a:r>
                      <a:r>
                        <a:rPr lang="en-US" sz="1100" dirty="0">
                          <a:effectLst/>
                        </a:rPr>
                        <a:t> PASS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3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3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7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Complete Compaction</a:t>
                      </a:r>
                    </a:p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Minimum </a:t>
                      </a:r>
                      <a:r>
                        <a:rPr lang="en-US" sz="1100" dirty="0" smtClean="0">
                          <a:effectLst/>
                        </a:rPr>
                        <a:t>Surface Temperature </a:t>
                      </a:r>
                      <a:r>
                        <a:rPr lang="en-US" sz="1100" dirty="0">
                          <a:effectLst/>
                        </a:rPr>
                        <a:t>°F Last Pass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19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17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40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Minimum Number of Passes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>
                          <a:effectLst/>
                        </a:rPr>
                        <a:t>2</a:t>
                      </a:r>
                      <a:endParaRPr lang="en-US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100" dirty="0">
                          <a:effectLst/>
                        </a:rPr>
                        <a:t>2</a:t>
                      </a:r>
                      <a:endParaRPr lang="en-US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sp>
        <p:nvSpPr>
          <p:cNvPr id="4" name="TextBox 3"/>
          <p:cNvSpPr txBox="1"/>
          <p:nvPr/>
        </p:nvSpPr>
        <p:spPr>
          <a:xfrm>
            <a:off x="2362200" y="6019800"/>
            <a:ext cx="472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Section 39 of CT Standard Specifications</a:t>
            </a:r>
            <a:endParaRPr lang="en-US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39209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6200" y="228600"/>
            <a:ext cx="8816340" cy="63246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64199187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emature Pavement Failure</a:t>
            </a:r>
            <a:endParaRPr lang="en-US" dirty="0"/>
          </a:p>
        </p:txBody>
      </p:sp>
      <p:sp>
        <p:nvSpPr>
          <p:cNvPr id="4" name="Text Box 5"/>
          <p:cNvSpPr txBox="1">
            <a:spLocks noChangeArrowheads="1"/>
          </p:cNvSpPr>
          <p:nvPr/>
        </p:nvSpPr>
        <p:spPr bwMode="auto">
          <a:xfrm>
            <a:off x="7162800" y="6602380"/>
            <a:ext cx="1960793" cy="2308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eaLnBrk="0" hangingPunct="0"/>
            <a:r>
              <a:rPr lang="en-US" sz="900" dirty="0">
                <a:solidFill>
                  <a:schemeClr val="bg1"/>
                </a:solidFill>
              </a:rPr>
              <a:t>Courtesy of </a:t>
            </a:r>
            <a:r>
              <a:rPr lang="en-US" sz="900" dirty="0" smtClean="0">
                <a:solidFill>
                  <a:schemeClr val="bg1"/>
                </a:solidFill>
              </a:rPr>
              <a:t>Mark Woolaver, VAOT</a:t>
            </a:r>
            <a:endParaRPr lang="en-US" sz="900" dirty="0">
              <a:solidFill>
                <a:schemeClr val="bg1"/>
              </a:solidFill>
            </a:endParaRPr>
          </a:p>
        </p:txBody>
      </p:sp>
      <p:graphicFrame>
        <p:nvGraphicFramePr>
          <p:cNvPr id="5" name="Chart 4"/>
          <p:cNvGraphicFramePr/>
          <p:nvPr>
            <p:extLst>
              <p:ext uri="{D42A27DB-BD31-4B8C-83A1-F6EECF244321}">
                <p14:modId xmlns:p14="http://schemas.microsoft.com/office/powerpoint/2010/main" val="298907771"/>
              </p:ext>
            </p:extLst>
          </p:nvPr>
        </p:nvGraphicFramePr>
        <p:xfrm>
          <a:off x="0" y="0"/>
          <a:ext cx="9144000" cy="685799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19407826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y </a:t>
            </a:r>
            <a:r>
              <a:rPr lang="en-US" dirty="0" smtClean="0"/>
              <a:t>Intelligent Compaction (IC)?</a:t>
            </a:r>
            <a:endParaRPr lang="en-US" dirty="0"/>
          </a:p>
        </p:txBody>
      </p:sp>
      <p:sp>
        <p:nvSpPr>
          <p:cNvPr id="3" name="Rectangle 3"/>
          <p:cNvSpPr txBox="1">
            <a:spLocks noChangeArrowheads="1"/>
          </p:cNvSpPr>
          <p:nvPr/>
        </p:nvSpPr>
        <p:spPr>
          <a:xfrm>
            <a:off x="304800" y="1676400"/>
            <a:ext cx="8534400" cy="1143000"/>
          </a:xfrm>
          <a:prstGeom prst="rect">
            <a:avLst/>
          </a:prstGeom>
        </p:spPr>
        <p:txBody>
          <a:bodyPr/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3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Shortcomings in Conventional</a:t>
            </a:r>
            <a:r>
              <a:rPr kumimoji="0" lang="en-US" sz="3200" b="1" i="0" u="none" strike="noStrike" kern="120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</a:t>
            </a:r>
            <a:r>
              <a:rPr kumimoji="0" lang="en-US" sz="3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Compaction</a:t>
            </a:r>
          </a:p>
        </p:txBody>
      </p:sp>
      <p:pic>
        <p:nvPicPr>
          <p:cNvPr id="4" name="Picture 4" descr="K37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40913" y="2417445"/>
            <a:ext cx="2930345" cy="1905000"/>
          </a:xfrm>
          <a:prstGeom prst="roundRect">
            <a:avLst/>
          </a:prstGeom>
          <a:noFill/>
          <a:ln w="38100">
            <a:solidFill>
              <a:srgbClr val="003366"/>
            </a:solidFill>
            <a:miter lim="800000"/>
            <a:headEnd/>
            <a:tailEnd/>
          </a:ln>
        </p:spPr>
      </p:pic>
      <p:sp>
        <p:nvSpPr>
          <p:cNvPr id="5" name="Rectangle 6"/>
          <p:cNvSpPr>
            <a:spLocks noChangeArrowheads="1"/>
          </p:cNvSpPr>
          <p:nvPr/>
        </p:nvSpPr>
        <p:spPr bwMode="auto">
          <a:xfrm>
            <a:off x="-76200" y="4584918"/>
            <a:ext cx="3200400" cy="1077218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/>
            <a:r>
              <a:rPr lang="en-US" sz="3200" dirty="0">
                <a:solidFill>
                  <a:schemeClr val="bg1"/>
                </a:solidFill>
              </a:rPr>
              <a:t>Limited </a:t>
            </a:r>
            <a:endParaRPr lang="en-US" sz="3200" dirty="0" smtClean="0">
              <a:solidFill>
                <a:schemeClr val="bg1"/>
              </a:solidFill>
            </a:endParaRPr>
          </a:p>
          <a:p>
            <a:pPr algn="ctr" eaLnBrk="0" hangingPunct="0"/>
            <a:r>
              <a:rPr lang="en-US" sz="3200" dirty="0" smtClean="0">
                <a:solidFill>
                  <a:schemeClr val="bg1"/>
                </a:solidFill>
              </a:rPr>
              <a:t>Feedback</a:t>
            </a:r>
            <a:endParaRPr lang="en-US" sz="3200" dirty="0">
              <a:solidFill>
                <a:schemeClr val="bg1"/>
              </a:solidFill>
            </a:endParaRPr>
          </a:p>
        </p:txBody>
      </p:sp>
      <p:sp>
        <p:nvSpPr>
          <p:cNvPr id="6" name="Rectangle 7"/>
          <p:cNvSpPr>
            <a:spLocks noChangeArrowheads="1"/>
          </p:cNvSpPr>
          <p:nvPr/>
        </p:nvSpPr>
        <p:spPr bwMode="auto">
          <a:xfrm>
            <a:off x="3505463" y="4831139"/>
            <a:ext cx="2201244" cy="1077218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 eaLnBrk="0" hangingPunct="0"/>
            <a:r>
              <a:rPr lang="en-US" sz="3200" dirty="0" smtClean="0">
                <a:solidFill>
                  <a:schemeClr val="bg1"/>
                </a:solidFill>
              </a:rPr>
              <a:t>Over- </a:t>
            </a:r>
          </a:p>
          <a:p>
            <a:pPr algn="ctr" eaLnBrk="0" hangingPunct="0"/>
            <a:r>
              <a:rPr lang="en-US" sz="3200" dirty="0" smtClean="0">
                <a:solidFill>
                  <a:schemeClr val="bg1"/>
                </a:solidFill>
              </a:rPr>
              <a:t>Compaction</a:t>
            </a:r>
            <a:endParaRPr lang="en-US" sz="3200" dirty="0">
              <a:solidFill>
                <a:schemeClr val="bg1"/>
              </a:solidFill>
            </a:endParaRPr>
          </a:p>
        </p:txBody>
      </p:sp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2615" y="2341245"/>
            <a:ext cx="2582770" cy="1981200"/>
          </a:xfrm>
          <a:prstGeom prst="round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00800" y="2452116"/>
            <a:ext cx="2590800" cy="1891284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sp>
        <p:nvSpPr>
          <p:cNvPr id="9" name="Rectangle 7"/>
          <p:cNvSpPr>
            <a:spLocks noChangeArrowheads="1"/>
          </p:cNvSpPr>
          <p:nvPr/>
        </p:nvSpPr>
        <p:spPr bwMode="auto">
          <a:xfrm>
            <a:off x="6595578" y="4338697"/>
            <a:ext cx="2201244" cy="206210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 eaLnBrk="0" hangingPunct="0"/>
            <a:r>
              <a:rPr lang="en-US" sz="3200" dirty="0" smtClean="0">
                <a:solidFill>
                  <a:schemeClr val="bg1"/>
                </a:solidFill>
              </a:rPr>
              <a:t>Under- </a:t>
            </a:r>
          </a:p>
          <a:p>
            <a:pPr algn="ctr" eaLnBrk="0" hangingPunct="0"/>
            <a:r>
              <a:rPr lang="en-US" sz="3200" dirty="0" smtClean="0">
                <a:solidFill>
                  <a:schemeClr val="bg1"/>
                </a:solidFill>
              </a:rPr>
              <a:t>Compaction</a:t>
            </a:r>
          </a:p>
          <a:p>
            <a:pPr algn="ctr" eaLnBrk="0" hangingPunct="0"/>
            <a:r>
              <a:rPr lang="en-US" sz="3200" dirty="0" smtClean="0">
                <a:solidFill>
                  <a:schemeClr val="bg1"/>
                </a:solidFill>
              </a:rPr>
              <a:t>Leads to</a:t>
            </a:r>
          </a:p>
          <a:p>
            <a:pPr algn="ctr" eaLnBrk="0" hangingPunct="0"/>
            <a:r>
              <a:rPr lang="en-US" sz="3200" dirty="0" smtClean="0">
                <a:solidFill>
                  <a:schemeClr val="bg1"/>
                </a:solidFill>
              </a:rPr>
              <a:t> Distresses</a:t>
            </a:r>
            <a:endParaRPr lang="en-US" sz="32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24980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y Intelligent Compaction?</a:t>
            </a:r>
          </a:p>
        </p:txBody>
      </p:sp>
      <p:sp>
        <p:nvSpPr>
          <p:cNvPr id="3" name="Rectangle 3"/>
          <p:cNvSpPr txBox="1">
            <a:spLocks noChangeArrowheads="1"/>
          </p:cNvSpPr>
          <p:nvPr/>
        </p:nvSpPr>
        <p:spPr>
          <a:xfrm>
            <a:off x="342900" y="1600200"/>
            <a:ext cx="8458200" cy="838200"/>
          </a:xfrm>
          <a:prstGeom prst="rect">
            <a:avLst/>
          </a:prstGeom>
        </p:spPr>
        <p:txBody>
          <a:bodyPr/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3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Shortcomings in Conventional</a:t>
            </a:r>
            <a:r>
              <a:rPr kumimoji="0" lang="en-US" sz="3200" b="1" i="0" u="none" strike="noStrike" kern="120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</a:t>
            </a:r>
            <a:r>
              <a:rPr kumimoji="0" lang="en-US" sz="3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Acceptance</a:t>
            </a:r>
          </a:p>
        </p:txBody>
      </p:sp>
      <p:sp>
        <p:nvSpPr>
          <p:cNvPr id="4" name="Rectangle 4"/>
          <p:cNvSpPr>
            <a:spLocks noChangeArrowheads="1"/>
          </p:cNvSpPr>
          <p:nvPr/>
        </p:nvSpPr>
        <p:spPr bwMode="auto">
          <a:xfrm>
            <a:off x="1047428" y="5372100"/>
            <a:ext cx="2987100" cy="1077218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 eaLnBrk="0" hangingPunct="0"/>
            <a:r>
              <a:rPr lang="en-US" sz="3200" dirty="0">
                <a:solidFill>
                  <a:schemeClr val="bg1"/>
                </a:solidFill>
              </a:rPr>
              <a:t>Limited Number </a:t>
            </a:r>
          </a:p>
          <a:p>
            <a:pPr algn="ctr" eaLnBrk="0" hangingPunct="0"/>
            <a:r>
              <a:rPr lang="en-US" sz="3200" dirty="0">
                <a:solidFill>
                  <a:schemeClr val="bg1"/>
                </a:solidFill>
              </a:rPr>
              <a:t>of Locations</a:t>
            </a:r>
          </a:p>
        </p:txBody>
      </p:sp>
      <p:sp>
        <p:nvSpPr>
          <p:cNvPr id="5" name="Rectangle 5"/>
          <p:cNvSpPr>
            <a:spLocks noChangeArrowheads="1"/>
          </p:cNvSpPr>
          <p:nvPr/>
        </p:nvSpPr>
        <p:spPr bwMode="auto">
          <a:xfrm>
            <a:off x="5381446" y="5372100"/>
            <a:ext cx="3229154" cy="1077218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 eaLnBrk="0" hangingPunct="0"/>
            <a:r>
              <a:rPr lang="en-US" sz="3200" dirty="0">
                <a:solidFill>
                  <a:schemeClr val="bg1"/>
                </a:solidFill>
              </a:rPr>
              <a:t>After Compaction </a:t>
            </a:r>
          </a:p>
          <a:p>
            <a:pPr algn="ctr" eaLnBrk="0" hangingPunct="0"/>
            <a:r>
              <a:rPr lang="en-US" sz="3200" dirty="0">
                <a:solidFill>
                  <a:schemeClr val="bg1"/>
                </a:solidFill>
              </a:rPr>
              <a:t>is Complete</a:t>
            </a:r>
          </a:p>
        </p:txBody>
      </p:sp>
      <p:pic>
        <p:nvPicPr>
          <p:cNvPr id="6" name="Picture 6" descr="IMG0008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6020" y="2286000"/>
            <a:ext cx="4229916" cy="2819400"/>
          </a:xfrm>
          <a:prstGeom prst="roundRect">
            <a:avLst/>
          </a:prstGeom>
          <a:noFill/>
          <a:ln w="38100">
            <a:solidFill>
              <a:srgbClr val="003366"/>
            </a:solidFill>
            <a:miter lim="800000"/>
            <a:headEnd/>
            <a:tailEnd/>
          </a:ln>
        </p:spPr>
      </p:pic>
      <p:pic>
        <p:nvPicPr>
          <p:cNvPr id="7" name="Picture 7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81956" y="2209800"/>
            <a:ext cx="3636024" cy="2971800"/>
          </a:xfrm>
          <a:prstGeom prst="roundRect">
            <a:avLst/>
          </a:prstGeom>
          <a:noFill/>
          <a:ln w="38100">
            <a:solidFill>
              <a:srgbClr val="003366"/>
            </a:solidFill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7524434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ICDM-workshop-templates-2013-12-10">
  <a:themeElements>
    <a:clrScheme name="IC Workshops 2013">
      <a:dk1>
        <a:srgbClr val="0F1D27"/>
      </a:dk1>
      <a:lt1>
        <a:sysClr val="window" lastClr="FFFFFF"/>
      </a:lt1>
      <a:dk2>
        <a:srgbClr val="A3B842"/>
      </a:dk2>
      <a:lt2>
        <a:srgbClr val="0E1D26"/>
      </a:lt2>
      <a:accent1>
        <a:srgbClr val="4F81BD"/>
      </a:accent1>
      <a:accent2>
        <a:srgbClr val="FEB233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sential">
      <a:majorFont>
        <a:latin typeface="Arial Black"/>
        <a:ea typeface=""/>
        <a:cs typeface=""/>
        <a:font script="Jpan" typeface="ＭＳ Ｐゴシック"/>
        <a:font script="Hang" typeface="HY견고딕"/>
        <a:font script="Hans" typeface="微软雅黑"/>
        <a:font script="Hant" typeface="微軟正黑體"/>
        <a:font script="Arab" typeface="Tahoma"/>
        <a:font script="Hebr" typeface="Tahoma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돋움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Concourse">
    <a:dk1>
      <a:sysClr val="windowText" lastClr="000000"/>
    </a:dk1>
    <a:lt1>
      <a:sysClr val="window" lastClr="FFFFFF"/>
    </a:lt1>
    <a:dk2>
      <a:srgbClr val="464646"/>
    </a:dk2>
    <a:lt2>
      <a:srgbClr val="DEF5FA"/>
    </a:lt2>
    <a:accent1>
      <a:srgbClr val="2DA2BF"/>
    </a:accent1>
    <a:accent2>
      <a:srgbClr val="DA1F28"/>
    </a:accent2>
    <a:accent3>
      <a:srgbClr val="EB641B"/>
    </a:accent3>
    <a:accent4>
      <a:srgbClr val="39639D"/>
    </a:accent4>
    <a:accent5>
      <a:srgbClr val="474B78"/>
    </a:accent5>
    <a:accent6>
      <a:srgbClr val="7D3C4A"/>
    </a:accent6>
    <a:hlink>
      <a:srgbClr val="FF8119"/>
    </a:hlink>
    <a:folHlink>
      <a:srgbClr val="44B9E8"/>
    </a:folHlink>
  </a:clrScheme>
  <a:fontScheme name="Office">
    <a:maj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ICDM-workshop-templates-2013-12-10</Template>
  <TotalTime>16231</TotalTime>
  <Words>778</Words>
  <Application>Microsoft Office PowerPoint</Application>
  <PresentationFormat>On-screen Show (4:3)</PresentationFormat>
  <Paragraphs>289</Paragraphs>
  <Slides>39</Slides>
  <Notes>16</Notes>
  <HiddenSlides>0</HiddenSlides>
  <MMClips>0</MMClips>
  <ScaleCrop>false</ScaleCrop>
  <HeadingPairs>
    <vt:vector size="6" baseType="variant">
      <vt:variant>
        <vt:lpstr>Fonts Used</vt:lpstr>
      </vt:variant>
      <vt:variant>
        <vt:i4>6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39</vt:i4>
      </vt:variant>
    </vt:vector>
  </HeadingPairs>
  <TitlesOfParts>
    <vt:vector size="46" baseType="lpstr">
      <vt:lpstr>MS Mincho</vt:lpstr>
      <vt:lpstr>MS PGothic</vt:lpstr>
      <vt:lpstr>Arial</vt:lpstr>
      <vt:lpstr>Arial Black</vt:lpstr>
      <vt:lpstr>Calibri</vt:lpstr>
      <vt:lpstr>Times New Roman</vt:lpstr>
      <vt:lpstr>ICDM-workshop-templates-2013-12-10</vt:lpstr>
      <vt:lpstr> INTELLIGENT COMPACTION NRRA Conference May 23-24, 2017</vt:lpstr>
      <vt:lpstr>Caltrans Asphalt Concrete Specification Section 39 Standard Specification </vt:lpstr>
      <vt:lpstr>Section 39-2.01C(15)(b)  Method Compaction</vt:lpstr>
      <vt:lpstr>PowerPoint Presentation</vt:lpstr>
      <vt:lpstr>PowerPoint Presentation</vt:lpstr>
      <vt:lpstr>PowerPoint Presentation</vt:lpstr>
      <vt:lpstr>Premature Pavement Failure</vt:lpstr>
      <vt:lpstr>Why Intelligent Compaction (IC)?</vt:lpstr>
      <vt:lpstr>Why Intelligent Compaction?</vt:lpstr>
      <vt:lpstr>PowerPoint Presentation</vt:lpstr>
      <vt:lpstr>Instrumented Rolling Train</vt:lpstr>
      <vt:lpstr>IC Retrofit</vt:lpstr>
      <vt:lpstr>An Example IC System</vt:lpstr>
      <vt:lpstr>PowerPoint Presentation</vt:lpstr>
      <vt:lpstr>IC Data Flow</vt:lpstr>
      <vt:lpstr> Veta Software   </vt:lpstr>
      <vt:lpstr>Many Systems …One Software</vt:lpstr>
      <vt:lpstr>Why Using Veta</vt:lpstr>
      <vt:lpstr> Veta Software   </vt:lpstr>
      <vt:lpstr>Benefits of IC</vt:lpstr>
      <vt:lpstr> Implementation of Intelligent Compaction in California</vt:lpstr>
      <vt:lpstr> CALTRANS  INTELLIGENT COMPACTION   </vt:lpstr>
      <vt:lpstr>Caltrans IC Specs</vt:lpstr>
      <vt:lpstr>IC Specs Administration</vt:lpstr>
      <vt:lpstr>CT IC Target Values</vt:lpstr>
      <vt:lpstr>Case Study</vt:lpstr>
      <vt:lpstr>      Section 39- Hot Mix Asphalt     </vt:lpstr>
      <vt:lpstr>IC Quality Compaction Summary </vt:lpstr>
      <vt:lpstr>Veta Viewer</vt:lpstr>
      <vt:lpstr>Coverage</vt:lpstr>
      <vt:lpstr>Pass Counts</vt:lpstr>
      <vt:lpstr>1st Pass Breakdown Temp.</vt:lpstr>
      <vt:lpstr>1st Pass Breakdown Temp.</vt:lpstr>
      <vt:lpstr>Last Pass Intermediate Compaction</vt:lpstr>
      <vt:lpstr>Exploring Possible Density QA with Ground Penetrating Radar (Ken Maser (Infrasense)</vt:lpstr>
      <vt:lpstr>PowerPoint Presentation</vt:lpstr>
      <vt:lpstr>Caltrans Intelligent Compaction Webpage www.dot.ca.gov/hq/construc/IC </vt:lpstr>
      <vt:lpstr>For More Info on IC</vt:lpstr>
      <vt:lpstr>PowerPoint Presentation</vt:lpstr>
    </vt:vector>
  </TitlesOfParts>
  <Company>The Transtec Grou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George Chang</dc:creator>
  <cp:lastModifiedBy>Holland, Joe@DOT</cp:lastModifiedBy>
  <cp:revision>406</cp:revision>
  <dcterms:created xsi:type="dcterms:W3CDTF">2013-12-18T20:53:26Z</dcterms:created>
  <dcterms:modified xsi:type="dcterms:W3CDTF">2017-05-21T19:03:05Z</dcterms:modified>
</cp:coreProperties>
</file>